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250_加算届出書（介護給付費算定に係る体制等に関する届出書）\R6.4.1～\★完成したものからこちらに格納してください\地域密着型サービス・居宅介護支援\"/>
    </mc:Choice>
  </mc:AlternateContent>
  <bookViews>
    <workbookView xWindow="0" yWindow="0" windowWidth="28800" windowHeight="11400"/>
  </bookViews>
  <sheets>
    <sheet name="添付書類一覧（定期巡回・随時対応型訪問介護看護）" sheetId="19" r:id="rId1"/>
    <sheet name="別紙5-2" sheetId="15" r:id="rId2"/>
    <sheet name="別紙７-a" sheetId="12" r:id="rId3"/>
    <sheet name="別紙11" sheetId="21" r:id="rId4"/>
    <sheet name="別紙12" sheetId="20" r:id="rId5"/>
    <sheet name="別紙14" sheetId="22" r:id="rId6"/>
    <sheet name="別紙16" sheetId="18" r:id="rId7"/>
    <sheet name="別紙42" sheetId="16" r:id="rId8"/>
  </sheets>
  <externalReferences>
    <externalReference r:id="rId9"/>
    <externalReference r:id="rId10"/>
    <externalReference r:id="rId11"/>
  </externalReferences>
  <definedNames>
    <definedName name="ｋ">#N/A</definedName>
    <definedName name="_xlnm.Print_Area" localSheetId="3">別紙11!$A$1:$AA$61</definedName>
    <definedName name="_xlnm.Print_Area" localSheetId="4">別紙12!$A$1:$AE$75</definedName>
    <definedName name="_xlnm.Print_Area" localSheetId="5">別紙14!$A$1:$AD$68</definedName>
    <definedName name="_xlnm.Print_Area" localSheetId="6">別紙16!$A$1:$Z$116</definedName>
    <definedName name="_xlnm.Print_Area" localSheetId="7">別紙42!$A$1:$Y$60</definedName>
    <definedName name="_xlnm.Print_Area" localSheetId="1">'別紙5-2'!$A$1:$AF$57</definedName>
    <definedName name="_xlnm.Print_Area" localSheetId="2">'別紙７-a'!$A$1:$AI$63</definedName>
    <definedName name="_xlnm.Print_Titles" localSheetId="0">'添付書類一覧（定期巡回・随時対応型訪問介護看護）'!$1:$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 name="数" localSheetId="0">#REF!</definedName>
    <definedName name="数">#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Y62" i="22" l="1"/>
  <c r="T21" i="20" l="1"/>
  <c r="U21" i="20"/>
  <c r="T53" i="20"/>
  <c r="U53" i="20"/>
</calcChain>
</file>

<file path=xl/sharedStrings.xml><?xml version="1.0" encoding="utf-8"?>
<sst xmlns="http://schemas.openxmlformats.org/spreadsheetml/2006/main" count="838" uniqueCount="432">
  <si>
    <t>□</t>
  </si>
  <si>
    <t>小規模多機能型居宅介護</t>
    <rPh sb="0" eb="3">
      <t>ショウキボ</t>
    </rPh>
    <rPh sb="3" eb="6">
      <t>タキノウ</t>
    </rPh>
    <rPh sb="6" eb="7">
      <t>ガタ</t>
    </rPh>
    <rPh sb="7" eb="9">
      <t>キョタク</t>
    </rPh>
    <rPh sb="9" eb="11">
      <t>カイゴ</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t>認知症対応型共同生活介護</t>
    <rPh sb="0" eb="3">
      <t>ニンチショウ</t>
    </rPh>
    <rPh sb="3" eb="6">
      <t>タイオウガタ</t>
    </rPh>
    <rPh sb="6" eb="8">
      <t>キョウドウ</t>
    </rPh>
    <rPh sb="8" eb="10">
      <t>セイカツ</t>
    </rPh>
    <rPh sb="10" eb="12">
      <t>カイゴ</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月</t>
    <rPh sb="0" eb="1">
      <t>ゲツ</t>
    </rPh>
    <phoneticPr fontId="3"/>
  </si>
  <si>
    <t>年</t>
    <rPh sb="0" eb="1">
      <t>ネン</t>
    </rPh>
    <phoneticPr fontId="3"/>
  </si>
  <si>
    <t>令和</t>
    <rPh sb="0" eb="2">
      <t>レイワ</t>
    </rPh>
    <phoneticPr fontId="3"/>
  </si>
  <si>
    <t>内容</t>
    <rPh sb="0" eb="2">
      <t>ナイヨウ</t>
    </rPh>
    <phoneticPr fontId="3"/>
  </si>
  <si>
    <t>添付書類</t>
    <rPh sb="0" eb="2">
      <t>テンプ</t>
    </rPh>
    <rPh sb="2" eb="4">
      <t>ショルイ</t>
    </rPh>
    <phoneticPr fontId="3"/>
  </si>
  <si>
    <t>備考</t>
    <rPh sb="0" eb="2">
      <t>ビコウ</t>
    </rPh>
    <phoneticPr fontId="3"/>
  </si>
  <si>
    <t>高齢者虐待防止措置実施の有無</t>
  </si>
  <si>
    <t>事 業 所 名</t>
  </si>
  <si>
    <t>異動等区分</t>
    <phoneticPr fontId="3"/>
  </si>
  <si>
    <t>1　新規</t>
    <phoneticPr fontId="3"/>
  </si>
  <si>
    <t>2　変更</t>
    <phoneticPr fontId="3"/>
  </si>
  <si>
    <t>3　終了</t>
    <phoneticPr fontId="3"/>
  </si>
  <si>
    <t>有</t>
    <rPh sb="0" eb="1">
      <t>ア</t>
    </rPh>
    <phoneticPr fontId="3"/>
  </si>
  <si>
    <t>無</t>
    <rPh sb="0" eb="1">
      <t>ナ</t>
    </rPh>
    <phoneticPr fontId="3"/>
  </si>
  <si>
    <t>・</t>
    <phoneticPr fontId="3"/>
  </si>
  <si>
    <t>　　速やかに提出すること。</t>
    <rPh sb="2" eb="3">
      <t>スミ</t>
    </rPh>
    <rPh sb="6" eb="8">
      <t>テイシュツ</t>
    </rPh>
    <phoneticPr fontId="3"/>
  </si>
  <si>
    <t>月</t>
    <rPh sb="0" eb="1">
      <t>ガツ</t>
    </rPh>
    <phoneticPr fontId="3"/>
  </si>
  <si>
    <t>日</t>
    <rPh sb="0" eb="1">
      <t>ニチ</t>
    </rPh>
    <phoneticPr fontId="3"/>
  </si>
  <si>
    <t>届 出 項 目</t>
    <phoneticPr fontId="3"/>
  </si>
  <si>
    <t>人</t>
    <rPh sb="0" eb="1">
      <t>ヒト</t>
    </rPh>
    <phoneticPr fontId="3"/>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3"/>
  </si>
  <si>
    <t>【参考】</t>
    <rPh sb="1" eb="3">
      <t>サンコウ</t>
    </rPh>
    <phoneticPr fontId="3"/>
  </si>
  <si>
    <t>研修修了者の必要数</t>
    <rPh sb="0" eb="2">
      <t>ケンシュウ</t>
    </rPh>
    <rPh sb="2" eb="5">
      <t>シュウリョウシャ</t>
    </rPh>
    <rPh sb="6" eb="9">
      <t>ヒツヨウスウ</t>
    </rPh>
    <phoneticPr fontId="3"/>
  </si>
  <si>
    <t>20人未満</t>
    <rPh sb="2" eb="3">
      <t>ニン</t>
    </rPh>
    <rPh sb="3" eb="5">
      <t>ミマン</t>
    </rPh>
    <phoneticPr fontId="3"/>
  </si>
  <si>
    <t>１以上</t>
    <rPh sb="1" eb="3">
      <t>イジョウ</t>
    </rPh>
    <phoneticPr fontId="3"/>
  </si>
  <si>
    <t>20以上30未満</t>
    <rPh sb="2" eb="4">
      <t>イジョウ</t>
    </rPh>
    <rPh sb="6" eb="8">
      <t>ミマン</t>
    </rPh>
    <phoneticPr fontId="3"/>
  </si>
  <si>
    <t>２以上</t>
    <rPh sb="1" eb="3">
      <t>イジョウ</t>
    </rPh>
    <phoneticPr fontId="3"/>
  </si>
  <si>
    <t>30以上40未満</t>
    <rPh sb="2" eb="4">
      <t>イジョウ</t>
    </rPh>
    <rPh sb="6" eb="8">
      <t>ミマン</t>
    </rPh>
    <phoneticPr fontId="3"/>
  </si>
  <si>
    <t>３以上</t>
    <rPh sb="1" eb="3">
      <t>イジョウ</t>
    </rPh>
    <phoneticPr fontId="3"/>
  </si>
  <si>
    <t>40以上50未満</t>
    <rPh sb="2" eb="4">
      <t>イジョウ</t>
    </rPh>
    <rPh sb="6" eb="8">
      <t>ミマン</t>
    </rPh>
    <phoneticPr fontId="3"/>
  </si>
  <si>
    <t>４以上</t>
    <rPh sb="1" eb="3">
      <t>イジョウ</t>
    </rPh>
    <phoneticPr fontId="3"/>
  </si>
  <si>
    <t>50以上60未満</t>
    <rPh sb="2" eb="4">
      <t>イジョウ</t>
    </rPh>
    <rPh sb="6" eb="8">
      <t>ミマン</t>
    </rPh>
    <phoneticPr fontId="3"/>
  </si>
  <si>
    <t>５以上</t>
    <rPh sb="1" eb="3">
      <t>イジョウ</t>
    </rPh>
    <phoneticPr fontId="3"/>
  </si>
  <si>
    <t>60以上70未満</t>
    <rPh sb="2" eb="4">
      <t>イジョウ</t>
    </rPh>
    <rPh sb="6" eb="8">
      <t>ミマン</t>
    </rPh>
    <phoneticPr fontId="3"/>
  </si>
  <si>
    <t>６以上</t>
    <rPh sb="1" eb="3">
      <t>イジョウ</t>
    </rPh>
    <phoneticPr fontId="3"/>
  </si>
  <si>
    <t>従業者の勤務の体制及び勤務形態一覧表　（　　　　年　　　月分）</t>
    <phoneticPr fontId="3"/>
  </si>
  <si>
    <t>サービス種類（　　　　　　　　　　　　　　　　　　　　　）</t>
    <phoneticPr fontId="3"/>
  </si>
  <si>
    <t>「人員配置区分―　　型」又は「該当する体制等―　　　　　」</t>
    <phoneticPr fontId="3"/>
  </si>
  <si>
    <t>第1週</t>
  </si>
  <si>
    <t>第2週</t>
  </si>
  <si>
    <t>第3週</t>
  </si>
  <si>
    <t>第4週</t>
  </si>
  <si>
    <t>週平均　　　　　　　　　の勤務　　　　　　　　　　　　　時間</t>
    <phoneticPr fontId="3"/>
  </si>
  <si>
    <t>常勤換　　　　　　　　　算後の　　　　　　　　　　　　人数　</t>
    <rPh sb="27" eb="29">
      <t>ニンズウ</t>
    </rPh>
    <phoneticPr fontId="3"/>
  </si>
  <si>
    <t>＊</t>
  </si>
  <si>
    <t>①</t>
  </si>
  <si>
    <t>③</t>
  </si>
  <si>
    <t>②</t>
  </si>
  <si>
    <t>④</t>
  </si>
  <si>
    <t>ab</t>
  </si>
  <si>
    <t>cd</t>
  </si>
  <si>
    <t>e</t>
  </si>
  <si>
    <t>（再掲）
夜勤職員</t>
    <rPh sb="1" eb="3">
      <t>サイケイ</t>
    </rPh>
    <rPh sb="5" eb="7">
      <t>ヤキン</t>
    </rPh>
    <rPh sb="7" eb="9">
      <t>ショクイン</t>
    </rPh>
    <phoneticPr fontId="3"/>
  </si>
  <si>
    <t>１日の夜勤の合計時間</t>
    <rPh sb="1" eb="2">
      <t>ニチ</t>
    </rPh>
    <rPh sb="3" eb="5">
      <t>ヤキン</t>
    </rPh>
    <rPh sb="6" eb="8">
      <t>ゴウケイ</t>
    </rPh>
    <rPh sb="8" eb="10">
      <t>ジカン</t>
    </rPh>
    <phoneticPr fontId="3"/>
  </si>
  <si>
    <t>常勤換算後の人数
（16h換算）</t>
    <rPh sb="0" eb="2">
      <t>ジョウキン</t>
    </rPh>
    <rPh sb="2" eb="4">
      <t>カンザン</t>
    </rPh>
    <rPh sb="4" eb="5">
      <t>ウシ</t>
    </rPh>
    <rPh sb="6" eb="8">
      <t>ニンズウ</t>
    </rPh>
    <rPh sb="13" eb="15">
      <t>カンザン</t>
    </rPh>
    <phoneticPr fontId="3"/>
  </si>
  <si>
    <t>＜配置状況＞</t>
  </si>
  <si>
    <t>看護職員：介護職員</t>
  </si>
  <si>
    <t>　（　　　　：　　　　)</t>
    <phoneticPr fontId="3"/>
  </si>
  <si>
    <t>看護師：准看護師　(日中)</t>
    <rPh sb="2" eb="3">
      <t>シ</t>
    </rPh>
    <rPh sb="7" eb="8">
      <t>シ</t>
    </rPh>
    <phoneticPr fontId="3"/>
  </si>
  <si>
    <t>看護師：准看護師 （夜間）</t>
    <rPh sb="2" eb="3">
      <t>シ</t>
    </rPh>
    <rPh sb="7" eb="8">
      <t>シ</t>
    </rPh>
    <rPh sb="10" eb="12">
      <t>ヤカン</t>
    </rPh>
    <phoneticPr fontId="3"/>
  </si>
  <si>
    <t>　　　　（記載例2―サービス提供時間 a 9：00～12：00、b 13：00～16：00、c 10：30～13：30、d 14：30～17：30、e 休日）</t>
    <phoneticPr fontId="3"/>
  </si>
  <si>
    <t>　　　　　※複数単位実施の場合、その全てを記入のこと。</t>
    <phoneticPr fontId="3"/>
  </si>
  <si>
    <t>　　6　短期入所生活介護及び介護老人福祉施設について、テクノロジーを導入する場合の夜間の人員配置基準（従来型）を適用する場合においては、</t>
    <rPh sb="4" eb="6">
      <t>タンキ</t>
    </rPh>
    <rPh sb="6" eb="8">
      <t>ニュウショ</t>
    </rPh>
    <rPh sb="8" eb="10">
      <t>セイカツ</t>
    </rPh>
    <rPh sb="10" eb="12">
      <t>カイゴ</t>
    </rPh>
    <rPh sb="12" eb="13">
      <t>オヨ</t>
    </rPh>
    <rPh sb="14" eb="16">
      <t>カイゴ</t>
    </rPh>
    <rPh sb="16" eb="18">
      <t>ロウジン</t>
    </rPh>
    <rPh sb="18" eb="20">
      <t>フクシ</t>
    </rPh>
    <rPh sb="20" eb="22">
      <t>シセツ</t>
    </rPh>
    <rPh sb="34" eb="36">
      <t>ドウニュウ</t>
    </rPh>
    <rPh sb="38" eb="40">
      <t>バアイ</t>
    </rPh>
    <rPh sb="41" eb="43">
      <t>ヤカン</t>
    </rPh>
    <rPh sb="44" eb="46">
      <t>ジンイン</t>
    </rPh>
    <rPh sb="46" eb="48">
      <t>ハイチ</t>
    </rPh>
    <rPh sb="48" eb="50">
      <t>キジュン</t>
    </rPh>
    <rPh sb="51" eb="54">
      <t>ジュウライガタ</t>
    </rPh>
    <rPh sb="56" eb="58">
      <t>テキヨウ</t>
    </rPh>
    <rPh sb="60" eb="62">
      <t>バアイ</t>
    </rPh>
    <phoneticPr fontId="3"/>
  </si>
  <si>
    <t>　　　「（再掲）夜勤職員」欄を記載してください。「１日の夜勤の合計時間」は、夜勤時間帯に属する勤務時間（休憩時間を含む）の合計数を記入してください。</t>
    <rPh sb="5" eb="7">
      <t>サイケイ</t>
    </rPh>
    <rPh sb="8" eb="10">
      <t>ヤキン</t>
    </rPh>
    <rPh sb="10" eb="12">
      <t>ショクイン</t>
    </rPh>
    <rPh sb="13" eb="14">
      <t>ラン</t>
    </rPh>
    <rPh sb="15" eb="17">
      <t>キサイ</t>
    </rPh>
    <rPh sb="26" eb="27">
      <t>ニチ</t>
    </rPh>
    <rPh sb="28" eb="30">
      <t>ヤキン</t>
    </rPh>
    <rPh sb="31" eb="33">
      <t>ゴウケイ</t>
    </rPh>
    <rPh sb="33" eb="35">
      <t>ジカン</t>
    </rPh>
    <rPh sb="38" eb="40">
      <t>ヤキン</t>
    </rPh>
    <rPh sb="40" eb="43">
      <t>ジカンタイ</t>
    </rPh>
    <rPh sb="44" eb="45">
      <t>ゾク</t>
    </rPh>
    <rPh sb="47" eb="49">
      <t>キンム</t>
    </rPh>
    <rPh sb="49" eb="51">
      <t>ジカン</t>
    </rPh>
    <rPh sb="52" eb="54">
      <t>キュウケイ</t>
    </rPh>
    <rPh sb="54" eb="56">
      <t>ジカン</t>
    </rPh>
    <rPh sb="57" eb="58">
      <t>フク</t>
    </rPh>
    <rPh sb="61" eb="64">
      <t>ゴウケイスウ</t>
    </rPh>
    <rPh sb="65" eb="67">
      <t>キニュウ</t>
    </rPh>
    <phoneticPr fontId="3"/>
  </si>
  <si>
    <t>　　　また、別紙７－３の「テクノロジーを導入する場合の夜間の人員配置基準（従来型）に係る届出書」を添付してください。</t>
    <rPh sb="6" eb="8">
      <t>ベッシ</t>
    </rPh>
    <rPh sb="20" eb="22">
      <t>ドウニュウ</t>
    </rPh>
    <rPh sb="24" eb="26">
      <t>バアイ</t>
    </rPh>
    <rPh sb="27" eb="29">
      <t>ヤカン</t>
    </rPh>
    <rPh sb="30" eb="32">
      <t>ジンイン</t>
    </rPh>
    <rPh sb="32" eb="34">
      <t>ハイチ</t>
    </rPh>
    <rPh sb="34" eb="36">
      <t>キジュン</t>
    </rPh>
    <rPh sb="37" eb="40">
      <t>ジュウライガタ</t>
    </rPh>
    <rPh sb="42" eb="43">
      <t>カカ</t>
    </rPh>
    <rPh sb="44" eb="45">
      <t>トド</t>
    </rPh>
    <rPh sb="45" eb="46">
      <t>ダ</t>
    </rPh>
    <rPh sb="46" eb="47">
      <t>カ</t>
    </rPh>
    <rPh sb="49" eb="51">
      <t>テンプ</t>
    </rPh>
    <phoneticPr fontId="3"/>
  </si>
  <si>
    <t>　　7　算出にあたっては、小数点以下第2位を切り捨ててください。</t>
    <phoneticPr fontId="3"/>
  </si>
  <si>
    <t>　　　勤務形態、氏名、当該業務の勤務時間及び看護職員と介護職員の配置状況(関係する場合)が確認できる場合はその書類をもって添付書類として</t>
    <phoneticPr fontId="3"/>
  </si>
  <si>
    <t>　2　適用開始年月日</t>
    <rPh sb="3" eb="5">
      <t>テキヨウ</t>
    </rPh>
    <rPh sb="5" eb="7">
      <t>カイシ</t>
    </rPh>
    <rPh sb="7" eb="10">
      <t>ネンガッピ</t>
    </rPh>
    <phoneticPr fontId="3"/>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3"/>
  </si>
  <si>
    <t>％</t>
  </si>
  <si>
    <t>介護予防認知症対応型
共同生活介護</t>
    <rPh sb="0" eb="2">
      <t>カイゴ</t>
    </rPh>
    <rPh sb="2" eb="4">
      <t>ヨボウ</t>
    </rPh>
    <rPh sb="4" eb="7">
      <t>ニンチショウ</t>
    </rPh>
    <rPh sb="7" eb="10">
      <t>タイオウガタ</t>
    </rPh>
    <rPh sb="11" eb="13">
      <t>キョウドウ</t>
    </rPh>
    <rPh sb="13" eb="15">
      <t>セイカツ</t>
    </rPh>
    <rPh sb="15" eb="17">
      <t>カイゴ</t>
    </rPh>
    <phoneticPr fontId="3"/>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3"/>
  </si>
  <si>
    <t>介護予防認知症対応型
通所介護</t>
    <rPh sb="0" eb="2">
      <t>カイゴ</t>
    </rPh>
    <rPh sb="2" eb="4">
      <t>ヨボウ</t>
    </rPh>
    <rPh sb="4" eb="7">
      <t>ニンチショウ</t>
    </rPh>
    <rPh sb="7" eb="10">
      <t>タイオウガタ</t>
    </rPh>
    <rPh sb="11" eb="13">
      <t>ツウショ</t>
    </rPh>
    <rPh sb="13" eb="15">
      <t>カイゴ</t>
    </rPh>
    <phoneticPr fontId="3"/>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3"/>
  </si>
  <si>
    <t>地域密着型特定施設入居者
生活介護</t>
    <rPh sb="0" eb="2">
      <t>チイキ</t>
    </rPh>
    <rPh sb="2" eb="5">
      <t>ミッチャクガタ</t>
    </rPh>
    <rPh sb="5" eb="7">
      <t>トクテイ</t>
    </rPh>
    <rPh sb="7" eb="9">
      <t>シセツ</t>
    </rPh>
    <rPh sb="9" eb="12">
      <t>ニュウキョシャ</t>
    </rPh>
    <rPh sb="13" eb="15">
      <t>セイカツ</t>
    </rPh>
    <rPh sb="15" eb="17">
      <t>カイゴ</t>
    </rPh>
    <phoneticPr fontId="3"/>
  </si>
  <si>
    <t>適用条件</t>
    <rPh sb="0" eb="2">
      <t>テキヨウ</t>
    </rPh>
    <rPh sb="2" eb="4">
      <t>ジョウケン</t>
    </rPh>
    <phoneticPr fontId="3"/>
  </si>
  <si>
    <t>割引率</t>
    <rPh sb="0" eb="2">
      <t>ワリビキ</t>
    </rPh>
    <rPh sb="2" eb="3">
      <t>リツ</t>
    </rPh>
    <phoneticPr fontId="3"/>
  </si>
  <si>
    <t>サービスの種類</t>
    <rPh sb="5" eb="7">
      <t>シュルイ</t>
    </rPh>
    <phoneticPr fontId="3"/>
  </si>
  <si>
    <t>事業所番号</t>
    <rPh sb="0" eb="3">
      <t>ジギョウショ</t>
    </rPh>
    <rPh sb="3" eb="5">
      <t>バンゴウ</t>
    </rPh>
    <phoneticPr fontId="3"/>
  </si>
  <si>
    <t>　1　割引率等</t>
    <rPh sb="3" eb="6">
      <t>ワリビキリツ</t>
    </rPh>
    <rPh sb="6" eb="7">
      <t>トウ</t>
    </rPh>
    <phoneticPr fontId="3"/>
  </si>
  <si>
    <t>地域密着型サービス事業者又は地域密着型介護予防サービス事業者による介護給付費の割引に
係る割引率の設定について</t>
    <rPh sb="0" eb="2">
      <t>チイキ</t>
    </rPh>
    <rPh sb="2" eb="5">
      <t>ミッチャクガタ</t>
    </rPh>
    <rPh sb="9" eb="12">
      <t>ジギョウシャ</t>
    </rPh>
    <rPh sb="12" eb="13">
      <t>マタ</t>
    </rPh>
    <rPh sb="14" eb="16">
      <t>チイキ</t>
    </rPh>
    <rPh sb="16" eb="19">
      <t>ミッチャクガタ</t>
    </rPh>
    <rPh sb="19" eb="21">
      <t>カイゴ</t>
    </rPh>
    <rPh sb="21" eb="23">
      <t>ヨボウ</t>
    </rPh>
    <rPh sb="27" eb="29">
      <t>ジギョウ</t>
    </rPh>
    <rPh sb="29" eb="30">
      <t>シャ</t>
    </rPh>
    <rPh sb="35" eb="38">
      <t>キュウフヒ</t>
    </rPh>
    <rPh sb="39" eb="41">
      <t>ワリビキ</t>
    </rPh>
    <rPh sb="43" eb="44">
      <t>カカ</t>
    </rPh>
    <rPh sb="45" eb="47">
      <t>ワリビキ</t>
    </rPh>
    <rPh sb="47" eb="48">
      <t>リツ</t>
    </rPh>
    <rPh sb="49" eb="51">
      <t>セッテイ</t>
    </rPh>
    <phoneticPr fontId="3"/>
  </si>
  <si>
    <t>事業所・施設名</t>
    <rPh sb="0" eb="3">
      <t>ジギョウショ</t>
    </rPh>
    <rPh sb="4" eb="6">
      <t>シセツ</t>
    </rPh>
    <rPh sb="6" eb="7">
      <t>メイ</t>
    </rPh>
    <phoneticPr fontId="3"/>
  </si>
  <si>
    <t>日</t>
    <rPh sb="0" eb="1">
      <t>ヒ</t>
    </rPh>
    <phoneticPr fontId="3"/>
  </si>
  <si>
    <t>①介護給付費算定に係る体制等に関する届出書（別紙3-2）
②介護給付費算定に係る体制等状況一覧表（別紙1-3）
③下表の添付書類を併せて提出ください。</t>
  </si>
  <si>
    <r>
      <t>介護職員</t>
    </r>
    <r>
      <rPr>
        <sz val="11"/>
        <rFont val="ＭＳ Ｐゴシック"/>
        <family val="3"/>
        <charset val="128"/>
      </rPr>
      <t>等処遇改善加算</t>
    </r>
    <rPh sb="4" eb="5">
      <t>トウ</t>
    </rPh>
    <phoneticPr fontId="2"/>
  </si>
  <si>
    <r>
      <rPr>
        <sz val="11"/>
        <rFont val="ＭＳ Ｐゴシック"/>
        <family val="3"/>
        <charset val="128"/>
      </rPr>
      <t xml:space="preserve">処遇改善計画書
</t>
    </r>
    <rPh sb="0" eb="2">
      <t>ショグウ</t>
    </rPh>
    <rPh sb="2" eb="4">
      <t>カイゼン</t>
    </rPh>
    <rPh sb="4" eb="7">
      <t>ケイカクショ</t>
    </rPh>
    <phoneticPr fontId="2"/>
  </si>
  <si>
    <r>
      <t>HPの「</t>
    </r>
    <r>
      <rPr>
        <sz val="11"/>
        <rFont val="ＭＳ Ｐゴシック"/>
        <family val="3"/>
        <charset val="128"/>
      </rPr>
      <t>処遇改善加算等について」をご覧ください。</t>
    </r>
    <rPh sb="4" eb="6">
      <t>ショグウ</t>
    </rPh>
    <rPh sb="10" eb="11">
      <t>トウ</t>
    </rPh>
    <rPh sb="18" eb="19">
      <t>ラン</t>
    </rPh>
    <phoneticPr fontId="2"/>
  </si>
  <si>
    <t>LIFEへの登録</t>
    <rPh sb="6" eb="8">
      <t>トウロク</t>
    </rPh>
    <phoneticPr fontId="2"/>
  </si>
  <si>
    <t>なし</t>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3"/>
  </si>
  <si>
    <t>割引</t>
    <rPh sb="0" eb="2">
      <t>ワリビキ</t>
    </rPh>
    <phoneticPr fontId="2"/>
  </si>
  <si>
    <t>・</t>
    <phoneticPr fontId="3"/>
  </si>
  <si>
    <t>・</t>
    <phoneticPr fontId="3"/>
  </si>
  <si>
    <t>(3)</t>
    <phoneticPr fontId="3"/>
  </si>
  <si>
    <t>(4)</t>
    <phoneticPr fontId="3"/>
  </si>
  <si>
    <t>(1)</t>
    <phoneticPr fontId="3"/>
  </si>
  <si>
    <t>事業所・施設名（　　　　　　　　　　　　　　　　　　　　）</t>
    <phoneticPr fontId="3"/>
  </si>
  <si>
    <t>［入所（利用）定員（見込）数等　　　　　名］</t>
    <phoneticPr fontId="3"/>
  </si>
  <si>
    <t>職　種</t>
    <phoneticPr fontId="3"/>
  </si>
  <si>
    <t>勤務　　　　　　　　　　形態</t>
    <phoneticPr fontId="3"/>
  </si>
  <si>
    <t>氏　名</t>
    <phoneticPr fontId="3"/>
  </si>
  <si>
    <t>4週の　　　　　　　　　　合計</t>
    <phoneticPr fontId="3"/>
  </si>
  <si>
    <t>（記載例―1）</t>
    <phoneticPr fontId="3"/>
  </si>
  <si>
    <t>（記載例―2）</t>
    <phoneticPr fontId="3"/>
  </si>
  <si>
    <t>　（　　　　：　　　　)</t>
    <phoneticPr fontId="3"/>
  </si>
  <si>
    <t>備考1　＊欄には、当該月の曜日を記入してください。</t>
    <phoneticPr fontId="3"/>
  </si>
  <si>
    <t>　　2　「人員配置区分」又は「該当する体制等」欄には、別紙「介護給付費算定に係る体制等状況一覧表」に掲げる人員配置区分の類型又は該当する</t>
    <phoneticPr fontId="3"/>
  </si>
  <si>
    <t>　　　体制加算の内容をそのまま記載してください。</t>
    <phoneticPr fontId="3"/>
  </si>
  <si>
    <t>　　3　届出を行う従業者について、4週間分の勤務すべき時間数を記入してください。勤務時間ごとあるいはサービス提供時間単位ごとに区分して</t>
    <phoneticPr fontId="3"/>
  </si>
  <si>
    <t>　　　番号を付し、その番号を記入してください。</t>
    <phoneticPr fontId="3"/>
  </si>
  <si>
    <t>　　　　（記載例1―勤務時間 ①8：30～17：00、②16：30～1：00、③0：30～9：00、④休日）</t>
    <phoneticPr fontId="3"/>
  </si>
  <si>
    <t>　　4　届出する従業者の職種ごとに下記の勤務形態の区分の順にまとめて記載し、「週平均の勤務時間」については、職種ごとのAの小計と、</t>
    <phoneticPr fontId="3"/>
  </si>
  <si>
    <t>　　　Ｂ～Ｄまでを加えた数の小計の行を挿入してください。</t>
    <phoneticPr fontId="3"/>
  </si>
  <si>
    <t>　　　　　勤務形態の区分　Ａ：常勤で専従　Ｂ：常勤で兼務　Ｃ：常勤以外で専従　Ｄ：常勤以外で兼務</t>
    <phoneticPr fontId="3"/>
  </si>
  <si>
    <t>　　5　常勤換算が必要なものについては、Ａ～Ｄの「週平均の勤務時間」をすべて足し、常勤の従業者が週に勤務すべき時間数で割って、</t>
    <phoneticPr fontId="3"/>
  </si>
  <si>
    <t>　　　「常勤換算後の人数」を算出してください。</t>
    <phoneticPr fontId="3"/>
  </si>
  <si>
    <t>　　8　当該事業所・施設に係る組織体制図を添付してください。</t>
    <phoneticPr fontId="3"/>
  </si>
  <si>
    <t>　　9　各事業所・施設において使用している勤務割表等（変更の届出の場合は変更後の予定勤務割表等）により、届出の対象となる従業者の職種、</t>
    <phoneticPr fontId="3"/>
  </si>
  <si>
    <t>　　　差し支えありません。</t>
    <phoneticPr fontId="3"/>
  </si>
  <si>
    <t>（別紙７-a）</t>
    <phoneticPr fontId="3"/>
  </si>
  <si>
    <t>人</t>
    <rPh sb="0" eb="1">
      <t>ニン</t>
    </rPh>
    <phoneticPr fontId="3"/>
  </si>
  <si>
    <t>総合マネジメント体制強化加算（Ⅰ）（Ⅱ）</t>
    <rPh sb="0" eb="2">
      <t>ソウゴウ</t>
    </rPh>
    <rPh sb="8" eb="10">
      <t>タイセイ</t>
    </rPh>
    <rPh sb="10" eb="12">
      <t>キョウカ</t>
    </rPh>
    <rPh sb="12" eb="14">
      <t>カサン</t>
    </rPh>
    <phoneticPr fontId="3"/>
  </si>
  <si>
    <t>サービス提供体制強化加算（Ⅰ）</t>
    <rPh sb="4" eb="6">
      <t>テイキョウ</t>
    </rPh>
    <rPh sb="6" eb="8">
      <t>タイセイ</t>
    </rPh>
    <rPh sb="8" eb="10">
      <t>キョウカ</t>
    </rPh>
    <rPh sb="10" eb="12">
      <t>カサン</t>
    </rPh>
    <phoneticPr fontId="3"/>
  </si>
  <si>
    <t>サービス提供体制強化加算（Ⅱ）</t>
    <rPh sb="4" eb="6">
      <t>テイキョウ</t>
    </rPh>
    <rPh sb="6" eb="8">
      <t>タイセイ</t>
    </rPh>
    <rPh sb="8" eb="10">
      <t>キョウカ</t>
    </rPh>
    <rPh sb="10" eb="12">
      <t>カサン</t>
    </rPh>
    <phoneticPr fontId="3"/>
  </si>
  <si>
    <t>サービス提供体制強化加算（Ⅲ）</t>
    <rPh sb="4" eb="6">
      <t>テイキョウ</t>
    </rPh>
    <rPh sb="6" eb="8">
      <t>タイセイ</t>
    </rPh>
    <rPh sb="8" eb="10">
      <t>キョウカ</t>
    </rPh>
    <rPh sb="10" eb="12">
      <t>カサン</t>
    </rPh>
    <phoneticPr fontId="3"/>
  </si>
  <si>
    <t>上記「サービス提供体制強化加算（Ⅰ）」の添付書類のうち①～④</t>
  </si>
  <si>
    <t>①地域密着型サービス事業者又は地域密着型介護予防サービス事業者等による介護給付費の割引に係る割引率の設定について（別紙5-2）</t>
    <phoneticPr fontId="3"/>
  </si>
  <si>
    <t>（別紙５ー２）</t>
    <phoneticPr fontId="3"/>
  </si>
  <si>
    <t>（宛先）富山市長</t>
    <rPh sb="1" eb="3">
      <t>アテサキ</t>
    </rPh>
    <rPh sb="4" eb="8">
      <t>トヤマシチョウ</t>
    </rPh>
    <phoneticPr fontId="3"/>
  </si>
  <si>
    <t>　　記載してください。</t>
    <phoneticPr fontId="3"/>
  </si>
  <si>
    <t>（別紙42）</t>
    <phoneticPr fontId="3"/>
  </si>
  <si>
    <t>総合マネジメント体制強化加算に係る届出書</t>
    <rPh sb="0" eb="2">
      <t>ソウゴウ</t>
    </rPh>
    <rPh sb="8" eb="10">
      <t>タイセイ</t>
    </rPh>
    <rPh sb="10" eb="12">
      <t>キョウカ</t>
    </rPh>
    <rPh sb="12" eb="14">
      <t>カサン</t>
    </rPh>
    <rPh sb="15" eb="16">
      <t>カカ</t>
    </rPh>
    <rPh sb="17" eb="20">
      <t>トドケデショ</t>
    </rPh>
    <phoneticPr fontId="3"/>
  </si>
  <si>
    <t>施設等の区分</t>
    <phoneticPr fontId="3"/>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2　(介護予防）小規模多機能型居宅介護事業所</t>
    <rPh sb="8" eb="11">
      <t>ショウキボ</t>
    </rPh>
    <rPh sb="11" eb="15">
      <t>タキノウガタ</t>
    </rPh>
    <rPh sb="15" eb="17">
      <t>キョタク</t>
    </rPh>
    <rPh sb="17" eb="19">
      <t>カイゴ</t>
    </rPh>
    <rPh sb="19" eb="22">
      <t>ジギョウショ</t>
    </rPh>
    <phoneticPr fontId="3"/>
  </si>
  <si>
    <t>3　看護小規模多機能型居宅介護事業所</t>
    <phoneticPr fontId="3"/>
  </si>
  <si>
    <t>1　総合マネジメント体制強化加算（Ⅰ）</t>
    <rPh sb="2" eb="4">
      <t>ソウゴウ</t>
    </rPh>
    <rPh sb="10" eb="12">
      <t>タイセイ</t>
    </rPh>
    <rPh sb="12" eb="14">
      <t>キョウカ</t>
    </rPh>
    <rPh sb="14" eb="16">
      <t>カサン</t>
    </rPh>
    <phoneticPr fontId="3"/>
  </si>
  <si>
    <t>2　総合マネジメント体制強化加算（Ⅱ）</t>
    <phoneticPr fontId="3"/>
  </si>
  <si>
    <t>１　総合マネジメント体制強化加算（Ⅰ）に係る体制の届出内容</t>
    <rPh sb="2" eb="4">
      <t>ソウゴウ</t>
    </rPh>
    <rPh sb="10" eb="12">
      <t>タイセイ</t>
    </rPh>
    <rPh sb="12" eb="14">
      <t>キョウカ</t>
    </rPh>
    <rPh sb="14" eb="16">
      <t>カサン</t>
    </rPh>
    <rPh sb="22" eb="24">
      <t>タイセイ</t>
    </rPh>
    <rPh sb="25" eb="27">
      <t>トドケデ</t>
    </rPh>
    <phoneticPr fontId="3"/>
  </si>
  <si>
    <t>○定期巡回・随時対応型訪問介護看護</t>
    <phoneticPr fontId="3"/>
  </si>
  <si>
    <t xml:space="preserve">① </t>
    <phoneticPr fontId="3"/>
  </si>
  <si>
    <t>利用者の心身の状況又はその家族等を取り巻く環境の変化に応じ、随時、計画作成責任者、看護師、准看護師、介護職員その他の関係者が共同し、定期巡回・随時対応型訪問介護看護計画の見直しを行っている。</t>
    <phoneticPr fontId="3"/>
  </si>
  <si>
    <t>②</t>
    <phoneticPr fontId="3"/>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3"/>
  </si>
  <si>
    <t>③</t>
    <phoneticPr fontId="3"/>
  </si>
  <si>
    <t>日常的に利用者と関わりのある地域住民等の相談に対応する体制を確保していること。</t>
    <phoneticPr fontId="3"/>
  </si>
  <si>
    <t>④</t>
    <phoneticPr fontId="3"/>
  </si>
  <si>
    <t>地域住民等との連携により、地域資源を効果的に活用し、利用者の状態に応じた支援を行っている。</t>
    <phoneticPr fontId="3"/>
  </si>
  <si>
    <t>⑤</t>
    <phoneticPr fontId="3"/>
  </si>
  <si>
    <t>事業所の
特性に
応じて
１つ以上実施している</t>
    <phoneticPr fontId="3"/>
  </si>
  <si>
    <t>障害福祉サービス事業所、児童福祉施設等と協働し、地域において世代間の交流を行っている。</t>
    <rPh sb="37" eb="38">
      <t>オコナ</t>
    </rPh>
    <phoneticPr fontId="3"/>
  </si>
  <si>
    <t xml:space="preserve">地域住民等、他事業所等と共同で事例検討会、研修会等を実施している。 </t>
    <phoneticPr fontId="3"/>
  </si>
  <si>
    <t>市町村が実施する通いの場や在宅医療・介護連携推進事業等の地域支援事業等に参加している。</t>
    <phoneticPr fontId="3"/>
  </si>
  <si>
    <t>地域住民及び利用者の住まいに関する相談に応じ、必要な支援を行っている。</t>
    <phoneticPr fontId="3"/>
  </si>
  <si>
    <t>○（介護予防）小規模多機能型居宅介護</t>
    <phoneticPr fontId="3"/>
  </si>
  <si>
    <t xml:space="preserve">① </t>
    <phoneticPr fontId="3"/>
  </si>
  <si>
    <t>利用者の心身の状況又はその家族等を取り巻く環境の変化に応じ、随時、介護支援専門員、看護師、准看護師、介護職員その他の関係者が共同し、小規模多機能型居宅介護計画の見直しを行っている。</t>
    <phoneticPr fontId="3"/>
  </si>
  <si>
    <t>利用者の地域における多様な活動が確保されるよう、日常的に地域住民等との交流を図り、利用者の状態に応じて、地域の行事や活動等に積極的に参加している。</t>
    <phoneticPr fontId="3"/>
  </si>
  <si>
    <t>③</t>
    <phoneticPr fontId="3"/>
  </si>
  <si>
    <t>必要に応じて、多様な主体が提供する生活支援のサービス（インフォーマルサービス含む）が包括的に提供されるような居宅サービス計画を作成している。</t>
    <phoneticPr fontId="3"/>
  </si>
  <si>
    <t>事業所の
特性に
応じて
１つ以上実施している</t>
    <phoneticPr fontId="3"/>
  </si>
  <si>
    <t>地域住民等との連携により、地域資源を効果的に活用し、利用者の状態に応じた支援を行っている。</t>
  </si>
  <si>
    <t>障害福祉サービス事業所、児童福祉施設等と協働し、地域において世代間の交流の場の拠点となっている。</t>
    <phoneticPr fontId="3"/>
  </si>
  <si>
    <t>市町村が実施する通いの場や在宅医療・介護連携推進事業等の地域支援事業等に参加している。</t>
    <phoneticPr fontId="3"/>
  </si>
  <si>
    <t>○看護小規模多機能型居宅介護</t>
    <phoneticPr fontId="3"/>
  </si>
  <si>
    <t>①</t>
    <phoneticPr fontId="3"/>
  </si>
  <si>
    <t>利用者の心身の状況又はその家族等を取り巻く環境の変化に応じ、随時、介護支援専門員、看護師、准看護師、介護職員その他の関係者が共同し、看護小規模多機能型居宅介護計画の見直しを行っている。</t>
    <phoneticPr fontId="3"/>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3"/>
  </si>
  <si>
    <t>日常的に利用者と関わりのある地域住民等の相談に対応する体制を確保していること。</t>
    <phoneticPr fontId="3"/>
  </si>
  <si>
    <t>⑥</t>
    <phoneticPr fontId="3"/>
  </si>
  <si>
    <t xml:space="preserve">地域住民等、他事業所等と共同で事例検討会、研修会等を実施している。 </t>
    <phoneticPr fontId="3"/>
  </si>
  <si>
    <t>２　総合マネジメント体制強化加算（Ⅱ）に係る体制の届出内容</t>
    <rPh sb="2" eb="4">
      <t>ソウゴウ</t>
    </rPh>
    <rPh sb="10" eb="12">
      <t>タイセイ</t>
    </rPh>
    <rPh sb="12" eb="14">
      <t>キョウカ</t>
    </rPh>
    <rPh sb="14" eb="16">
      <t>カサン</t>
    </rPh>
    <rPh sb="22" eb="24">
      <t>タイセイ</t>
    </rPh>
    <rPh sb="25" eb="27">
      <t>トドケデ</t>
    </rPh>
    <phoneticPr fontId="3"/>
  </si>
  <si>
    <r>
      <t xml:space="preserve">○定期巡回・随時対応型訪問介護看護、（介護予防）小規模多機能型居宅介護
</t>
    </r>
    <r>
      <rPr>
        <sz val="8"/>
        <rFont val="HGSｺﾞｼｯｸM"/>
        <family val="3"/>
        <charset val="128"/>
      </rPr>
      <t>※該当する要件は、「総合マネジメント体制強化加算（Ⅰ）に係る体制の届出内容」に記入すること。</t>
    </r>
    <rPh sb="37" eb="39">
      <t>ガイトウ</t>
    </rPh>
    <rPh sb="41" eb="43">
      <t>ヨウケン</t>
    </rPh>
    <phoneticPr fontId="3"/>
  </si>
  <si>
    <t>①</t>
    <phoneticPr fontId="3"/>
  </si>
  <si>
    <t>総合マネジメント体制強化加算（Ⅰ）の基準の①～②のいずれにも該当している。</t>
    <phoneticPr fontId="3"/>
  </si>
  <si>
    <r>
      <t xml:space="preserve">○看護小規模多機能型居宅介護
</t>
    </r>
    <r>
      <rPr>
        <sz val="8"/>
        <rFont val="HGSｺﾞｼｯｸM"/>
        <family val="3"/>
        <charset val="128"/>
      </rPr>
      <t>※該当する要件は、「総合マネジメント体制強化加算（Ⅰ）に係る体制の届出内容」に記入すること。</t>
    </r>
    <rPh sb="1" eb="3">
      <t>カンゴ</t>
    </rPh>
    <phoneticPr fontId="3"/>
  </si>
  <si>
    <t>総合マネジメント体制強化加算（Ⅰ）の基準の①～③のいずれにも該当している。</t>
    <phoneticPr fontId="3"/>
  </si>
  <si>
    <t>備考　要件を満たすことが分かる根拠書類を準備し、指定権者からの求めがあった場合には、</t>
    <phoneticPr fontId="3"/>
  </si>
  <si>
    <t>介護給付費算定に係る体制等状況一覧表　添付書類一覧（定期巡回・随時対応型訪問介護看護）</t>
    <rPh sb="0" eb="2">
      <t>カイゴ</t>
    </rPh>
    <rPh sb="2" eb="4">
      <t>キュウフ</t>
    </rPh>
    <rPh sb="4" eb="5">
      <t>ヒ</t>
    </rPh>
    <rPh sb="5" eb="7">
      <t>サンテイ</t>
    </rPh>
    <rPh sb="8" eb="9">
      <t>カカ</t>
    </rPh>
    <rPh sb="10" eb="13">
      <t>タイセイトウ</t>
    </rPh>
    <rPh sb="13" eb="15">
      <t>ジョウキョウ</t>
    </rPh>
    <rPh sb="15" eb="17">
      <t>イチラン</t>
    </rPh>
    <rPh sb="17" eb="18">
      <t>ヒョウ</t>
    </rPh>
    <rPh sb="19" eb="21">
      <t>テンプ</t>
    </rPh>
    <rPh sb="21" eb="23">
      <t>ショルイ</t>
    </rPh>
    <rPh sb="23" eb="25">
      <t>イチラン</t>
    </rPh>
    <rPh sb="26" eb="30">
      <t>テイキジュンカイ</t>
    </rPh>
    <rPh sb="31" eb="42">
      <t>ズイジタイオウガタホウモンカイゴカンゴ</t>
    </rPh>
    <phoneticPr fontId="3"/>
  </si>
  <si>
    <t>　対する看護の内容等必要な事項が適切に記録される体制を整備している。</t>
    <rPh sb="4" eb="6">
      <t>カンゴ</t>
    </rPh>
    <rPh sb="7" eb="9">
      <t>ナイヨウ</t>
    </rPh>
    <rPh sb="9" eb="10">
      <t>トウ</t>
    </rPh>
    <rPh sb="10" eb="12">
      <t>ヒツヨウ</t>
    </rPh>
    <rPh sb="13" eb="15">
      <t>ジコウ</t>
    </rPh>
    <rPh sb="16" eb="18">
      <t>テキセツ</t>
    </rPh>
    <rPh sb="19" eb="21">
      <t>キロク</t>
    </rPh>
    <rPh sb="24" eb="26">
      <t>タイセイ</t>
    </rPh>
    <rPh sb="27" eb="29">
      <t>セイビ</t>
    </rPh>
    <phoneticPr fontId="3"/>
  </si>
  <si>
    <t>・</t>
    <phoneticPr fontId="3"/>
  </si>
  <si>
    <t>②　ターミナルケアの提供過程における利用者の心身状況の変化及びこれに</t>
    <rPh sb="10" eb="12">
      <t>テイキョウ</t>
    </rPh>
    <rPh sb="12" eb="14">
      <t>カテイ</t>
    </rPh>
    <rPh sb="18" eb="21">
      <t>リヨウシャ</t>
    </rPh>
    <rPh sb="22" eb="24">
      <t>シンシン</t>
    </rPh>
    <rPh sb="24" eb="26">
      <t>ジョウキョウ</t>
    </rPh>
    <rPh sb="27" eb="29">
      <t>ヘンカ</t>
    </rPh>
    <rPh sb="29" eb="30">
      <t>オヨ</t>
    </rPh>
    <phoneticPr fontId="3"/>
  </si>
  <si>
    <t>・</t>
    <phoneticPr fontId="3"/>
  </si>
  <si>
    <t>①　24時間常時連絡できる体制を整備している。</t>
    <phoneticPr fontId="3"/>
  </si>
  <si>
    <t>・</t>
    <phoneticPr fontId="3"/>
  </si>
  <si>
    <t xml:space="preserve"> 5　ターミナルケア体制に係る届出内容</t>
    <rPh sb="10" eb="12">
      <t>タイセイ</t>
    </rPh>
    <rPh sb="15" eb="17">
      <t>トドケデ</t>
    </rPh>
    <phoneticPr fontId="3"/>
  </si>
  <si>
    <t>　連携体制を整備している。</t>
    <phoneticPr fontId="3"/>
  </si>
  <si>
    <t>・</t>
    <phoneticPr fontId="3"/>
  </si>
  <si>
    <t>③　病状の変化、医療器具に係る取扱い等において医療機関等との密接な</t>
    <phoneticPr fontId="3"/>
  </si>
  <si>
    <t>②　当該加算に対応可能な職員体制・勤務体制を整備している。</t>
    <phoneticPr fontId="3"/>
  </si>
  <si>
    <t>①　24時間常時連絡できる体制を整備している。</t>
    <phoneticPr fontId="3"/>
  </si>
  <si>
    <t>4　特別管理加算に係る体制の届出内容</t>
    <rPh sb="11" eb="13">
      <t>タイセイ</t>
    </rPh>
    <rPh sb="14" eb="16">
      <t>トドケデ</t>
    </rPh>
    <phoneticPr fontId="3"/>
  </si>
  <si>
    <t>3　定期巡回・随時対応型訪問介護看護事業所</t>
    <phoneticPr fontId="3"/>
  </si>
  <si>
    <t>2　(介護予防）訪問看護事業所（病院又は診療所）</t>
    <phoneticPr fontId="3"/>
  </si>
  <si>
    <t>1　(介護予防）訪問看護事業所（訪問看護ステーション）</t>
    <phoneticPr fontId="3"/>
  </si>
  <si>
    <t>施設等の区分</t>
    <phoneticPr fontId="3"/>
  </si>
  <si>
    <t>3　終了</t>
    <phoneticPr fontId="3"/>
  </si>
  <si>
    <t>2　変更</t>
    <phoneticPr fontId="3"/>
  </si>
  <si>
    <t>1　新規</t>
    <phoneticPr fontId="3"/>
  </si>
  <si>
    <t>異動等区分</t>
    <phoneticPr fontId="3"/>
  </si>
  <si>
    <t>緊急時（介護予防）訪問看護加算・特別管理体制・ターミナルケア体制に係る届出書</t>
    <rPh sb="4" eb="6">
      <t>カイゴ</t>
    </rPh>
    <rPh sb="6" eb="8">
      <t>ヨボウ</t>
    </rPh>
    <rPh sb="30" eb="32">
      <t>タイセイ</t>
    </rPh>
    <rPh sb="33" eb="34">
      <t>カカ</t>
    </rPh>
    <rPh sb="35" eb="38">
      <t>トドケデショ</t>
    </rPh>
    <phoneticPr fontId="3"/>
  </si>
  <si>
    <t>（別紙16）</t>
    <phoneticPr fontId="3"/>
  </si>
  <si>
    <t>　　場合には、２の①の「マニュアル」も添付してください。</t>
    <rPh sb="2" eb="4">
      <t>バアイ</t>
    </rPh>
    <rPh sb="19" eb="21">
      <t>テンプ</t>
    </rPh>
    <phoneticPr fontId="3"/>
  </si>
  <si>
    <t>　　敷いている場合について提出してください。２の看護師等以外の職員が電話連絡の対応を行う</t>
    <rPh sb="24" eb="27">
      <t>カンゴシ</t>
    </rPh>
    <rPh sb="27" eb="28">
      <t>トウ</t>
    </rPh>
    <rPh sb="28" eb="30">
      <t>イガイ</t>
    </rPh>
    <rPh sb="31" eb="33">
      <t>ショクイン</t>
    </rPh>
    <rPh sb="34" eb="36">
      <t>デンワ</t>
    </rPh>
    <rPh sb="36" eb="38">
      <t>レンラク</t>
    </rPh>
    <rPh sb="39" eb="41">
      <t>タイオウ</t>
    </rPh>
    <rPh sb="42" eb="43">
      <t>オコナ</t>
    </rPh>
    <phoneticPr fontId="3"/>
  </si>
  <si>
    <t>備考　緊急時の（介護予防）訪問看護、特別管理、ターミナルケアのそれぞれについて、体制を</t>
    <rPh sb="8" eb="10">
      <t>カイゴ</t>
    </rPh>
    <rPh sb="10" eb="12">
      <t>ヨボウ</t>
    </rPh>
    <phoneticPr fontId="3"/>
  </si>
  <si>
    <t>⑥　電話等による連絡及び相談を担当する者に対する支援体制の確保</t>
    <phoneticPr fontId="3"/>
  </si>
  <si>
    <t>⑤　ICT、AI、IoT等の活用による業務負担軽減</t>
    <rPh sb="12" eb="13">
      <t>トウ</t>
    </rPh>
    <phoneticPr fontId="3"/>
  </si>
  <si>
    <t>④　夜間勤務のニーズを踏まえた勤務体制の工夫</t>
    <phoneticPr fontId="3"/>
  </si>
  <si>
    <t>③　夜間対応後の暦日の休日確保</t>
    <phoneticPr fontId="3"/>
  </si>
  <si>
    <t>②　夜間対応に係る勤務の連続回数が２連続（２回）まで</t>
    <rPh sb="9" eb="11">
      <t>キンム</t>
    </rPh>
    <rPh sb="14" eb="16">
      <t>カイスウ</t>
    </rPh>
    <rPh sb="18" eb="20">
      <t>レンゾク</t>
    </rPh>
    <phoneticPr fontId="3"/>
  </si>
  <si>
    <t>①　夜間対応した翌日の勤務間隔の確保</t>
    <phoneticPr fontId="3"/>
  </si>
  <si>
    <t>※　(介護予防）訪問看護事業所、定期巡回・随時対応型訪問介護看護のみ</t>
    <rPh sb="16" eb="18">
      <t>テイキ</t>
    </rPh>
    <rPh sb="18" eb="20">
      <t>ジュンカイ</t>
    </rPh>
    <rPh sb="21" eb="23">
      <t>ズイジ</t>
    </rPh>
    <rPh sb="23" eb="26">
      <t>タイオウガタ</t>
    </rPh>
    <rPh sb="26" eb="28">
      <t>ホウモン</t>
    </rPh>
    <rPh sb="28" eb="30">
      <t>カイゴ</t>
    </rPh>
    <rPh sb="30" eb="32">
      <t>カンゴ</t>
    </rPh>
    <phoneticPr fontId="3"/>
  </si>
  <si>
    <t>3　緊急時（介護予防）訪問看護加算（Ⅰ）に係る届出内容（①又は②は必須項目）</t>
    <rPh sb="29" eb="30">
      <t>マタ</t>
    </rPh>
    <rPh sb="33" eb="35">
      <t>ヒッス</t>
    </rPh>
    <rPh sb="35" eb="37">
      <t>コウモク</t>
    </rPh>
    <phoneticPr fontId="3"/>
  </si>
  <si>
    <t>⑤　①から④について、利用者及び家族等に説明し、同意を得ること。</t>
    <phoneticPr fontId="3"/>
  </si>
  <si>
    <t xml:space="preserve">    内容等を訪問看護記録書に記録すること。</t>
    <phoneticPr fontId="3"/>
  </si>
  <si>
    <t xml:space="preserve">    又は看護師へ報告すること。報告を受けた保健師又は看護師は、当該報告</t>
    <phoneticPr fontId="3"/>
  </si>
  <si>
    <t>④　看護師等以外の職員は、電話等により連絡及び相談を受けた際に、保
健師</t>
    <phoneticPr fontId="3"/>
  </si>
  <si>
    <t xml:space="preserve">    職員の勤務体制及び勤務状況を明らかにすること。</t>
    <phoneticPr fontId="3"/>
  </si>
  <si>
    <t>③　当該訪問看護ステーションの管理者は、連絡相談を担当する看護師
等以外の</t>
    <phoneticPr fontId="3"/>
  </si>
  <si>
    <t xml:space="preserve">    体制及び緊急の訪問看護が可能な体制が整備されているこ
と。</t>
    <phoneticPr fontId="3"/>
  </si>
  <si>
    <t>②　緊急の訪問看護の必要性の判断を保健師又は看護師が速やかに行え
る連絡</t>
    <phoneticPr fontId="3"/>
  </si>
  <si>
    <t>　 相談に対応する際のマニュアルが整備されていること。</t>
    <phoneticPr fontId="3"/>
  </si>
  <si>
    <t>マニュアル添付</t>
    <rPh sb="5" eb="7">
      <t>テンプ</t>
    </rPh>
    <phoneticPr fontId="3"/>
  </si>
  <si>
    <t>①　看護師等以外の職員が利用者又はその家族等からの電話等による連絡及び</t>
    <phoneticPr fontId="3"/>
  </si>
  <si>
    <t>体制　※ (介護予防）訪問看護事業所のみ</t>
    <rPh sb="0" eb="2">
      <t>タイセイ</t>
    </rPh>
    <phoneticPr fontId="3"/>
  </si>
  <si>
    <t xml:space="preserve"> 2　看護師等以外の職員が利用者又は家族等からの電話連絡を受ける場合に必要な</t>
    <rPh sb="29" eb="30">
      <t>ウ</t>
    </rPh>
    <rPh sb="32" eb="34">
      <t>バアイ</t>
    </rPh>
    <rPh sb="35" eb="37">
      <t>ヒツヨウ</t>
    </rPh>
    <phoneticPr fontId="3"/>
  </si>
  <si>
    <t>）</t>
    <phoneticPr fontId="3"/>
  </si>
  <si>
    <t>（</t>
    <phoneticPr fontId="3"/>
  </si>
  <si>
    <t>（</t>
    <phoneticPr fontId="3"/>
  </si>
  <si>
    <t>）</t>
    <phoneticPr fontId="3"/>
  </si>
  <si>
    <t>③　連絡先電話番号</t>
    <phoneticPr fontId="3"/>
  </si>
  <si>
    <t>②　連絡方法</t>
    <phoneticPr fontId="3"/>
  </si>
  <si>
    <t>人</t>
  </si>
  <si>
    <t>非常勤</t>
  </si>
  <si>
    <t>常勤</t>
  </si>
  <si>
    <t>その他</t>
    <rPh sb="2" eb="3">
      <t>タ</t>
    </rPh>
    <phoneticPr fontId="3"/>
  </si>
  <si>
    <t>事務職員</t>
    <rPh sb="0" eb="2">
      <t>ジム</t>
    </rPh>
    <rPh sb="2" eb="4">
      <t>ショクイン</t>
    </rPh>
    <phoneticPr fontId="3"/>
  </si>
  <si>
    <t>言語聴覚士</t>
    <rPh sb="0" eb="2">
      <t>ゲンゴ</t>
    </rPh>
    <rPh sb="2" eb="5">
      <t>チョウカクシ</t>
    </rPh>
    <phoneticPr fontId="3"/>
  </si>
  <si>
    <t>作業療法士</t>
    <rPh sb="0" eb="2">
      <t>サギョウ</t>
    </rPh>
    <rPh sb="2" eb="5">
      <t>リョウホウシ</t>
    </rPh>
    <phoneticPr fontId="3"/>
  </si>
  <si>
    <t>理学療法士</t>
    <rPh sb="0" eb="2">
      <t>リガク</t>
    </rPh>
    <rPh sb="2" eb="5">
      <t>リョウホウシ</t>
    </rPh>
    <phoneticPr fontId="3"/>
  </si>
  <si>
    <t>　保健師、看護師以外の職員</t>
    <rPh sb="1" eb="4">
      <t>ホケンシ</t>
    </rPh>
    <rPh sb="5" eb="8">
      <t>カンゴシ</t>
    </rPh>
    <rPh sb="8" eb="10">
      <t>イガイ</t>
    </rPh>
    <rPh sb="11" eb="13">
      <t>ショクイン</t>
    </rPh>
    <phoneticPr fontId="3"/>
  </si>
  <si>
    <t>・</t>
  </si>
  <si>
    <t>保健師、看護師以外の職員が利用者又はその家族等からの電話等に対応する体制となっているか。「有」にチェックを入れた場合、下記の欄に保健師、看護師以外の職員について記載すること。　※緊急時（介護予防）訪問看護加算のみ　</t>
    <rPh sb="22" eb="23">
      <t>ナド</t>
    </rPh>
    <rPh sb="28" eb="29">
      <t>ナド</t>
    </rPh>
    <rPh sb="34" eb="36">
      <t>タイセイ</t>
    </rPh>
    <rPh sb="64" eb="66">
      <t>ホケン</t>
    </rPh>
    <rPh sb="66" eb="67">
      <t>シ</t>
    </rPh>
    <rPh sb="68" eb="71">
      <t>カンゴシ</t>
    </rPh>
    <rPh sb="71" eb="73">
      <t>イガイ</t>
    </rPh>
    <rPh sb="74" eb="76">
      <t>ショクイン</t>
    </rPh>
    <rPh sb="80" eb="82">
      <t>キサイ</t>
    </rPh>
    <phoneticPr fontId="3"/>
  </si>
  <si>
    <t>看護師</t>
  </si>
  <si>
    <t>保健師</t>
  </si>
  <si>
    <t>　）人</t>
    <rPh sb="2" eb="3">
      <t>ニン</t>
    </rPh>
    <phoneticPr fontId="3"/>
  </si>
  <si>
    <t>①　連絡相談を担当する職員 （</t>
    <phoneticPr fontId="3"/>
  </si>
  <si>
    <t xml:space="preserve"> 1　緊急時（介護予防）訪問看護加算又は緊急時対応加算に係る届出内容</t>
    <rPh sb="18" eb="19">
      <t>マタ</t>
    </rPh>
    <rPh sb="20" eb="23">
      <t>キンキュウジ</t>
    </rPh>
    <rPh sb="23" eb="25">
      <t>タイオウ</t>
    </rPh>
    <rPh sb="25" eb="27">
      <t>カサン</t>
    </rPh>
    <phoneticPr fontId="3"/>
  </si>
  <si>
    <t>4　ターミナルケア体制</t>
    <phoneticPr fontId="3"/>
  </si>
  <si>
    <t>3　特別管理加算に係る体制</t>
    <phoneticPr fontId="3"/>
  </si>
  <si>
    <t>2　緊急時対応加算</t>
    <rPh sb="2" eb="5">
      <t>キンキュウジ</t>
    </rPh>
    <rPh sb="5" eb="7">
      <t>タイオウ</t>
    </rPh>
    <rPh sb="7" eb="9">
      <t>カサン</t>
    </rPh>
    <phoneticPr fontId="3"/>
  </si>
  <si>
    <t>1　緊急時（介護予防）訪問看護加算</t>
    <phoneticPr fontId="3"/>
  </si>
  <si>
    <t>届 出 項 目</t>
    <phoneticPr fontId="3"/>
  </si>
  <si>
    <t>4　看護小規模多機能型居宅介護事業所</t>
    <phoneticPr fontId="3"/>
  </si>
  <si>
    <t>3　定期巡回・随時対応型訪問介護看護事業所</t>
    <phoneticPr fontId="3"/>
  </si>
  <si>
    <t>施設等の区分</t>
    <phoneticPr fontId="3"/>
  </si>
  <si>
    <t>1　新規</t>
    <phoneticPr fontId="3"/>
  </si>
  <si>
    <t>異動等区分</t>
    <phoneticPr fontId="3"/>
  </si>
  <si>
    <t>緊急時（介護予防）訪問看護加算・緊急時対応加算・特別管理体制・ターミナルケア体制に係る届出書</t>
    <rPh sb="4" eb="6">
      <t>カイゴ</t>
    </rPh>
    <rPh sb="6" eb="8">
      <t>ヨボウ</t>
    </rPh>
    <rPh sb="16" eb="19">
      <t>キンキュウジ</t>
    </rPh>
    <rPh sb="19" eb="21">
      <t>タイオウ</t>
    </rPh>
    <rPh sb="21" eb="23">
      <t>カサン</t>
    </rPh>
    <rPh sb="38" eb="40">
      <t>タイセイ</t>
    </rPh>
    <rPh sb="41" eb="42">
      <t>カカ</t>
    </rPh>
    <rPh sb="43" eb="46">
      <t>トドケデショ</t>
    </rPh>
    <phoneticPr fontId="3"/>
  </si>
  <si>
    <t>特別地域加算</t>
    <rPh sb="0" eb="2">
      <t>トクベツ</t>
    </rPh>
    <rPh sb="2" eb="4">
      <t>チイキ</t>
    </rPh>
    <rPh sb="4" eb="6">
      <t>カサン</t>
    </rPh>
    <phoneticPr fontId="3"/>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3"/>
  </si>
  <si>
    <t>特別管理体制</t>
  </si>
  <si>
    <t>ターミナルケア体制</t>
    <rPh sb="7" eb="9">
      <t>タイセイ</t>
    </rPh>
    <phoneticPr fontId="3"/>
  </si>
  <si>
    <t>口腔連携強化加算</t>
    <rPh sb="0" eb="2">
      <t>コウクウ</t>
    </rPh>
    <rPh sb="2" eb="4">
      <t>レンケイ</t>
    </rPh>
    <rPh sb="4" eb="6">
      <t>キョウカ</t>
    </rPh>
    <rPh sb="6" eb="8">
      <t>カサン</t>
    </rPh>
    <phoneticPr fontId="3"/>
  </si>
  <si>
    <t>なし</t>
    <phoneticPr fontId="3"/>
  </si>
  <si>
    <t xml:space="preserve">①緊急時（介護予防）訪問看護加算・緊急時対応加算・特別管理体制・ターミナルケア体制に係る届出書（別紙16）
②勤務体制がわかる書類（「従業者の勤務の体制及び勤務形態一覧表」(別紙7-a)又はこれに準じた勤務割表等）を添付
</t>
    <rPh sb="48" eb="50">
      <t>ベッシ</t>
    </rPh>
    <phoneticPr fontId="3"/>
  </si>
  <si>
    <t>①総合マネジメント体制強化加算に係る届出書（別紙42）
②定期巡回・随時対応型訪問介護看護の計画見直し体制を示す書類（任意様式）
③地域との連携を行っていることを示す書類（参加予定の地域活動予定表等）</t>
    <rPh sb="29" eb="33">
      <t>テイキジュンカイ</t>
    </rPh>
    <rPh sb="34" eb="45">
      <t>ズイジタイオウガタホウモンカイゴカンゴ</t>
    </rPh>
    <phoneticPr fontId="3"/>
  </si>
  <si>
    <t>緊急時訪問看護加算（Ⅰ）（Ⅱ）</t>
    <rPh sb="0" eb="3">
      <t>キンキュウジ</t>
    </rPh>
    <rPh sb="3" eb="5">
      <t>ホウモン</t>
    </rPh>
    <rPh sb="5" eb="7">
      <t>カンゴ</t>
    </rPh>
    <rPh sb="7" eb="9">
      <t>カサン</t>
    </rPh>
    <phoneticPr fontId="3"/>
  </si>
  <si>
    <t>とになる。</t>
    <phoneticPr fontId="3"/>
  </si>
  <si>
    <t>護に係る専門的な研修」及び「認知症介護の指導に係る専門的な研修」の修了者をそれぞれ１名配置したこ</t>
    <phoneticPr fontId="3"/>
  </si>
  <si>
    <t>研修の両方を修了した者、又は認知症看護に係る適切な研修を修了した者を１名配置する場合、「認知症介</t>
    <rPh sb="22" eb="24">
      <t>テキセツ</t>
    </rPh>
    <rPh sb="25" eb="27">
      <t>ケンシュウ</t>
    </rPh>
    <rPh sb="28" eb="30">
      <t>シュウリョウ</t>
    </rPh>
    <rPh sb="32" eb="33">
      <t>モノ</t>
    </rPh>
    <rPh sb="35" eb="36">
      <t>メイ</t>
    </rPh>
    <rPh sb="36" eb="38">
      <t>ハイチ</t>
    </rPh>
    <rPh sb="40" eb="42">
      <t>バアイ</t>
    </rPh>
    <rPh sb="44" eb="47">
      <t>ニンチショウ</t>
    </rPh>
    <phoneticPr fontId="3"/>
  </si>
  <si>
    <t>備考３　認知症専門ケア加算（Ⅱ）の算定にあっては、認知症介護実践リーダー研修と認知症介護指導者養成</t>
    <rPh sb="0" eb="2">
      <t>ビコウ</t>
    </rPh>
    <rPh sb="4" eb="7">
      <t>ニンチショウ</t>
    </rPh>
    <rPh sb="7" eb="9">
      <t>センモン</t>
    </rPh>
    <rPh sb="11" eb="13">
      <t>カサン</t>
    </rPh>
    <rPh sb="17" eb="19">
      <t>サンテイ</t>
    </rPh>
    <rPh sb="25" eb="28">
      <t>ニンチショウ</t>
    </rPh>
    <rPh sb="28" eb="30">
      <t>カイゴ</t>
    </rPh>
    <rPh sb="30" eb="32">
      <t>ジッセン</t>
    </rPh>
    <rPh sb="36" eb="38">
      <t>ケンシュウ</t>
    </rPh>
    <rPh sb="39" eb="42">
      <t>ニンチショウ</t>
    </rPh>
    <rPh sb="42" eb="44">
      <t>カイゴ</t>
    </rPh>
    <rPh sb="44" eb="47">
      <t>シドウシャ</t>
    </rPh>
    <rPh sb="47" eb="48">
      <t>ヨウ</t>
    </rPh>
    <phoneticPr fontId="3"/>
  </si>
  <si>
    <t>　（認定証が発行されている者に限る）</t>
    <phoneticPr fontId="3"/>
  </si>
  <si>
    <t>③日本精神科看護協会が認定している「精神科認定看護師」</t>
    <rPh sb="1" eb="3">
      <t>ニホン</t>
    </rPh>
    <rPh sb="3" eb="6">
      <t>セイシンカ</t>
    </rPh>
    <rPh sb="6" eb="8">
      <t>カンゴ</t>
    </rPh>
    <rPh sb="8" eb="10">
      <t>キョウカイ</t>
    </rPh>
    <rPh sb="11" eb="13">
      <t>ニンテイ</t>
    </rPh>
    <rPh sb="18" eb="20">
      <t>セイシン</t>
    </rPh>
    <rPh sb="20" eb="21">
      <t>カ</t>
    </rPh>
    <rPh sb="21" eb="23">
      <t>ニンテイ</t>
    </rPh>
    <rPh sb="23" eb="26">
      <t>カンゴシ</t>
    </rPh>
    <phoneticPr fontId="3"/>
  </si>
  <si>
    <t>　「精神看護」の専門看護師教育課程</t>
    <phoneticPr fontId="3"/>
  </si>
  <si>
    <t>②日本看護協会が認定している看護系大学院の「老人看護」及び</t>
    <rPh sb="1" eb="3">
      <t>ニホン</t>
    </rPh>
    <rPh sb="3" eb="5">
      <t>カンゴ</t>
    </rPh>
    <rPh sb="5" eb="7">
      <t>キョウカイ</t>
    </rPh>
    <rPh sb="8" eb="10">
      <t>ニンテイ</t>
    </rPh>
    <rPh sb="14" eb="16">
      <t>カンゴ</t>
    </rPh>
    <rPh sb="16" eb="17">
      <t>ケイ</t>
    </rPh>
    <rPh sb="17" eb="20">
      <t>ダイガクイン</t>
    </rPh>
    <rPh sb="22" eb="24">
      <t>ロウジン</t>
    </rPh>
    <rPh sb="24" eb="26">
      <t>カンゴ</t>
    </rPh>
    <rPh sb="27" eb="28">
      <t>オヨ</t>
    </rPh>
    <phoneticPr fontId="3"/>
  </si>
  <si>
    <t>①日本看護協会認定看護師教育課程「認知症看護」の研修</t>
  </si>
  <si>
    <t>※認知症看護に係る適切な研修：</t>
    <rPh sb="1" eb="4">
      <t>ニンチショウ</t>
    </rPh>
    <rPh sb="4" eb="6">
      <t>カンゴ</t>
    </rPh>
    <rPh sb="7" eb="8">
      <t>カカ</t>
    </rPh>
    <rPh sb="9" eb="11">
      <t>テキセツ</t>
    </rPh>
    <rPh sb="12" eb="14">
      <t>ケンシュウ</t>
    </rPh>
    <phoneticPr fontId="3"/>
  </si>
  <si>
    <t>適切な研修を指す。</t>
    <phoneticPr fontId="3"/>
  </si>
  <si>
    <t>研修を、「認知症介護の指導に係る専門的な研修」とは、認知症介護指導者養成研修及び認知症看護に係る</t>
    <phoneticPr fontId="3"/>
  </si>
  <si>
    <t>備考２　「認知症介護に係る専門的な研修」とは、認知症介護実践リーダー研修及び認知症看護に係る適切な</t>
    <rPh sb="0" eb="2">
      <t>ビコウ</t>
    </rPh>
    <phoneticPr fontId="3"/>
  </si>
  <si>
    <t>すること。</t>
  </si>
  <si>
    <t>備考１　要件を満たすことが分かる根拠書類を準備し、指定権者からの求めがあった場合には、速やかに提出</t>
    <rPh sb="0" eb="2">
      <t>ビコウ</t>
    </rPh>
    <rPh sb="4" eb="6">
      <t>ヨウケン</t>
    </rPh>
    <rPh sb="7" eb="8">
      <t>ミ</t>
    </rPh>
    <rPh sb="13" eb="14">
      <t>ワ</t>
    </rPh>
    <rPh sb="16" eb="18">
      <t>コンキョ</t>
    </rPh>
    <rPh sb="18" eb="20">
      <t>ショルイ</t>
    </rPh>
    <phoneticPr fontId="3"/>
  </si>
  <si>
    <t>作成し、当該計画に従い、研修を実施又は実施を予定している</t>
    <phoneticPr fontId="3"/>
  </si>
  <si>
    <t>事業所において介護職員、看護職員ごとの認知症ケアに関する研修計画を</t>
    <phoneticPr fontId="3"/>
  </si>
  <si>
    <t>事業所全体の認知症ケアの指導等を実施している</t>
    <rPh sb="0" eb="3">
      <t>ジギョウショ</t>
    </rPh>
    <phoneticPr fontId="3"/>
  </si>
  <si>
    <t>認知症介護の指導に係る専門的な研修を修了している者を１名以上配置し、</t>
    <phoneticPr fontId="3"/>
  </si>
  <si>
    <t>注　届出日の属する月の前３月間の利用実人員数又は利用延べ人数の平均で算定。</t>
    <rPh sb="14" eb="15">
      <t>カン</t>
    </rPh>
    <phoneticPr fontId="3"/>
  </si>
  <si>
    <t>％</t>
    <phoneticPr fontId="3"/>
  </si>
  <si>
    <t>③　②÷①×100</t>
    <phoneticPr fontId="3"/>
  </si>
  <si>
    <t>②　日常生活自立度のランクⅢ、Ⅳ又はＭに該当する者の数　注</t>
    <rPh sb="2" eb="4">
      <t>ニチジョウ</t>
    </rPh>
    <rPh sb="4" eb="6">
      <t>セイカツ</t>
    </rPh>
    <rPh sb="6" eb="9">
      <t>ジリツド</t>
    </rPh>
    <rPh sb="16" eb="17">
      <t>マタ</t>
    </rPh>
    <rPh sb="20" eb="22">
      <t>ガイトウ</t>
    </rPh>
    <rPh sb="24" eb="25">
      <t>モノ</t>
    </rPh>
    <rPh sb="26" eb="27">
      <t>スウ</t>
    </rPh>
    <rPh sb="28" eb="29">
      <t>チュウ</t>
    </rPh>
    <phoneticPr fontId="3"/>
  </si>
  <si>
    <t>①　利用者の総数　注</t>
    <rPh sb="2" eb="5">
      <t>リヨウシャ</t>
    </rPh>
    <rPh sb="6" eb="8">
      <t>ソウスウ</t>
    </rPh>
    <rPh sb="7" eb="8">
      <t>スウ</t>
    </rPh>
    <rPh sb="9" eb="10">
      <t>チュウ</t>
    </rPh>
    <phoneticPr fontId="3"/>
  </si>
  <si>
    <t>の割合が20％以上である</t>
    <phoneticPr fontId="3"/>
  </si>
  <si>
    <t>利用者の総数のうち、日常生活自立度のランクⅢ、Ⅳ又はＭに該当する者</t>
    <rPh sb="14" eb="17">
      <t>ジリツド</t>
    </rPh>
    <rPh sb="24" eb="25">
      <t>マタ</t>
    </rPh>
    <rPh sb="28" eb="30">
      <t>ガイトウ</t>
    </rPh>
    <rPh sb="32" eb="33">
      <t>シャ</t>
    </rPh>
    <phoneticPr fontId="3"/>
  </si>
  <si>
    <t>(2)</t>
    <phoneticPr fontId="3"/>
  </si>
  <si>
    <t>※認知症専門ケア加算（Ⅰ）に係る届出内容(2)～(3)も記入すること。</t>
    <rPh sb="14" eb="15">
      <t>カカ</t>
    </rPh>
    <rPh sb="16" eb="18">
      <t>トドケデ</t>
    </rPh>
    <rPh sb="18" eb="20">
      <t>ナイヨウ</t>
    </rPh>
    <rPh sb="28" eb="30">
      <t>キニュウ</t>
    </rPh>
    <phoneticPr fontId="3"/>
  </si>
  <si>
    <t>認知症専門ケア加算（Ⅰ）の(2)・(3)の基準のいずれにも該当している</t>
    <phoneticPr fontId="3"/>
  </si>
  <si>
    <t>２．認知症専門ケア加算（Ⅱ）に係る届出内容</t>
    <rPh sb="15" eb="16">
      <t>カカ</t>
    </rPh>
    <rPh sb="17" eb="18">
      <t>トド</t>
    </rPh>
    <rPh sb="18" eb="19">
      <t>デ</t>
    </rPh>
    <rPh sb="19" eb="21">
      <t>ナイヨウ</t>
    </rPh>
    <phoneticPr fontId="3"/>
  </si>
  <si>
    <t>定期的に開催している</t>
    <phoneticPr fontId="3"/>
  </si>
  <si>
    <t>従業者に対して、認知症ケアに関する留意事項の伝達又は技術的指導に係る会議を</t>
    <phoneticPr fontId="3"/>
  </si>
  <si>
    <t>(3)</t>
    <phoneticPr fontId="3"/>
  </si>
  <si>
    <t>～</t>
    <phoneticPr fontId="3"/>
  </si>
  <si>
    <t>～</t>
    <phoneticPr fontId="3"/>
  </si>
  <si>
    <t>日常生活自立度のランクⅡ、Ⅲ、Ⅳ又はＭに該当する者の数</t>
    <rPh sb="0" eb="2">
      <t>ニチジョウ</t>
    </rPh>
    <rPh sb="2" eb="4">
      <t>セイカツ</t>
    </rPh>
    <rPh sb="4" eb="7">
      <t>ジリツド</t>
    </rPh>
    <rPh sb="16" eb="17">
      <t>マタ</t>
    </rPh>
    <rPh sb="20" eb="22">
      <t>ガイトウ</t>
    </rPh>
    <rPh sb="24" eb="25">
      <t>モノ</t>
    </rPh>
    <rPh sb="26" eb="27">
      <t>カズ</t>
    </rPh>
    <phoneticPr fontId="3"/>
  </si>
  <si>
    <t>認知症ケアを実施している</t>
    <rPh sb="0" eb="3">
      <t>ニンチショウ</t>
    </rPh>
    <rPh sb="6" eb="8">
      <t>ジッシ</t>
    </rPh>
    <phoneticPr fontId="3"/>
  </si>
  <si>
    <t>Ⅳ又はMに該当する者の数に応じて必要数以上配置し、チームとして専門的な</t>
    <phoneticPr fontId="3"/>
  </si>
  <si>
    <t>・</t>
    <phoneticPr fontId="3"/>
  </si>
  <si>
    <t>認知症介護に係る専門的な研修を修了している者を、日常生活自立度のランクⅡ、Ⅲ、</t>
    <phoneticPr fontId="3"/>
  </si>
  <si>
    <t>(2)</t>
    <phoneticPr fontId="3"/>
  </si>
  <si>
    <t>％</t>
    <phoneticPr fontId="3"/>
  </si>
  <si>
    <t>③　②÷①×100</t>
    <phoneticPr fontId="3"/>
  </si>
  <si>
    <t>②　日常生活自立度のランクⅡ、Ⅲ、Ⅳ又はＭに該当する者の数　注</t>
    <rPh sb="2" eb="4">
      <t>ニチジョウ</t>
    </rPh>
    <rPh sb="4" eb="6">
      <t>セイカツ</t>
    </rPh>
    <rPh sb="6" eb="9">
      <t>ジリツド</t>
    </rPh>
    <rPh sb="18" eb="19">
      <t>マタ</t>
    </rPh>
    <rPh sb="22" eb="24">
      <t>ガイトウ</t>
    </rPh>
    <rPh sb="26" eb="27">
      <t>モノ</t>
    </rPh>
    <rPh sb="28" eb="29">
      <t>スウ</t>
    </rPh>
    <rPh sb="30" eb="31">
      <t>チュウ</t>
    </rPh>
    <phoneticPr fontId="3"/>
  </si>
  <si>
    <t>の割合が50％以上である</t>
  </si>
  <si>
    <t>利用者の総数のうち、日常生活自立度のランクⅡ、Ⅲ、Ⅳ又はＭに該当する者</t>
    <rPh sb="14" eb="17">
      <t>ジリツド</t>
    </rPh>
    <rPh sb="26" eb="27">
      <t>マタ</t>
    </rPh>
    <rPh sb="30" eb="32">
      <t>ガイトウ</t>
    </rPh>
    <rPh sb="34" eb="35">
      <t>シャ</t>
    </rPh>
    <phoneticPr fontId="3"/>
  </si>
  <si>
    <t>(1)</t>
    <phoneticPr fontId="3"/>
  </si>
  <si>
    <t>１．認知症専門ケア加算（Ⅰ）に係る届出内容</t>
    <rPh sb="15" eb="16">
      <t>カカ</t>
    </rPh>
    <rPh sb="17" eb="18">
      <t>トド</t>
    </rPh>
    <rPh sb="18" eb="19">
      <t>デ</t>
    </rPh>
    <rPh sb="19" eb="21">
      <t>ナイヨウ</t>
    </rPh>
    <phoneticPr fontId="3"/>
  </si>
  <si>
    <t>２　認知症専門ケア加算（Ⅱ）</t>
  </si>
  <si>
    <t>１　認知症専門ケア加算（Ⅰ）　　　</t>
    <phoneticPr fontId="3"/>
  </si>
  <si>
    <t>届 出 項 目</t>
    <phoneticPr fontId="3"/>
  </si>
  <si>
    <t>４　夜間対応型訪問介護　</t>
    <phoneticPr fontId="3"/>
  </si>
  <si>
    <t>３　定期巡回・随時対応型訪問介護看護</t>
    <phoneticPr fontId="3"/>
  </si>
  <si>
    <t>２（介護予防）訪問入浴介護　</t>
  </si>
  <si>
    <t>１　訪問介護</t>
    <phoneticPr fontId="3"/>
  </si>
  <si>
    <t>施 設 種 別</t>
    <rPh sb="0" eb="1">
      <t>セ</t>
    </rPh>
    <rPh sb="2" eb="3">
      <t>セツ</t>
    </rPh>
    <rPh sb="4" eb="5">
      <t>シュ</t>
    </rPh>
    <rPh sb="6" eb="7">
      <t>ベツ</t>
    </rPh>
    <phoneticPr fontId="3"/>
  </si>
  <si>
    <t>３　終了</t>
    <phoneticPr fontId="3"/>
  </si>
  <si>
    <t>２　変更</t>
    <phoneticPr fontId="3"/>
  </si>
  <si>
    <t>１　新規</t>
    <phoneticPr fontId="3"/>
  </si>
  <si>
    <t>異動等区分</t>
    <phoneticPr fontId="3"/>
  </si>
  <si>
    <t>事 業 所 名</t>
    <phoneticPr fontId="3"/>
  </si>
  <si>
    <t>（訪問介護、（介護予防）訪問入浴介護、定期巡回・随時対応型訪問介護看護、夜間対応型訪問介護）</t>
    <rPh sb="1" eb="3">
      <t>ホウモン</t>
    </rPh>
    <rPh sb="3" eb="5">
      <t>カイゴ</t>
    </rPh>
    <rPh sb="7" eb="9">
      <t>カイゴ</t>
    </rPh>
    <rPh sb="9" eb="11">
      <t>ヨボウ</t>
    </rPh>
    <rPh sb="12" eb="14">
      <t>ホウモン</t>
    </rPh>
    <rPh sb="14" eb="16">
      <t>ニュウヨク</t>
    </rPh>
    <rPh sb="16" eb="18">
      <t>カイゴ</t>
    </rPh>
    <rPh sb="19" eb="21">
      <t>テイキ</t>
    </rPh>
    <rPh sb="21" eb="23">
      <t>ジュンカイ</t>
    </rPh>
    <rPh sb="24" eb="26">
      <t>ズイジ</t>
    </rPh>
    <rPh sb="26" eb="29">
      <t>タイオウガタ</t>
    </rPh>
    <rPh sb="29" eb="31">
      <t>ホウモン</t>
    </rPh>
    <rPh sb="31" eb="33">
      <t>カイゴ</t>
    </rPh>
    <rPh sb="33" eb="35">
      <t>カンゴ</t>
    </rPh>
    <rPh sb="36" eb="38">
      <t>ヤカン</t>
    </rPh>
    <rPh sb="38" eb="41">
      <t>タイオウガタ</t>
    </rPh>
    <rPh sb="41" eb="43">
      <t>ホウモン</t>
    </rPh>
    <rPh sb="43" eb="45">
      <t>カイゴ</t>
    </rPh>
    <phoneticPr fontId="3"/>
  </si>
  <si>
    <t>認知症専門ケア加算に係る届出書</t>
    <rPh sb="0" eb="3">
      <t>ニンチショウ</t>
    </rPh>
    <rPh sb="3" eb="5">
      <t>センモン</t>
    </rPh>
    <rPh sb="7" eb="9">
      <t>カサン</t>
    </rPh>
    <rPh sb="10" eb="11">
      <t>カカ</t>
    </rPh>
    <rPh sb="12" eb="15">
      <t>トドケデショ</t>
    </rPh>
    <phoneticPr fontId="3"/>
  </si>
  <si>
    <t>（別紙12）</t>
    <phoneticPr fontId="3"/>
  </si>
  <si>
    <t>認知症専門ケア加算（Ⅰ）</t>
    <rPh sb="0" eb="3">
      <t>ニンチショウ</t>
    </rPh>
    <rPh sb="3" eb="5">
      <t>センモン</t>
    </rPh>
    <rPh sb="7" eb="9">
      <t>カサン</t>
    </rPh>
    <phoneticPr fontId="3"/>
  </si>
  <si>
    <t>認知症専門ケア加算（Ⅱ）</t>
    <rPh sb="0" eb="3">
      <t>ニンチショウ</t>
    </rPh>
    <rPh sb="3" eb="5">
      <t>センモン</t>
    </rPh>
    <rPh sb="7" eb="9">
      <t>カサン</t>
    </rPh>
    <phoneticPr fontId="3"/>
  </si>
  <si>
    <t>①認知症専門ケア加算に係る届出書（別紙12）
②認知症介護実践リーダー研修修了者の終了証の写し
③従業者の勤務の体制及び勤務形態一覧表(別紙7-a)
④認知症ケアに関する留意事項の伝達又は技術指導に係る会議の開催を確認できる書面</t>
    <rPh sb="24" eb="31">
      <t>ニンチショウカイゴジッセン</t>
    </rPh>
    <rPh sb="35" eb="37">
      <t>ケンシュウ</t>
    </rPh>
    <rPh sb="37" eb="40">
      <t>シュウリョウシャ</t>
    </rPh>
    <rPh sb="41" eb="44">
      <t>シュウリョウショウ</t>
    </rPh>
    <rPh sb="45" eb="46">
      <t>ウツ</t>
    </rPh>
    <rPh sb="76" eb="79">
      <t>ニンチショウ</t>
    </rPh>
    <rPh sb="82" eb="83">
      <t>カン</t>
    </rPh>
    <rPh sb="85" eb="89">
      <t>リュウイジコウ</t>
    </rPh>
    <rPh sb="90" eb="93">
      <t>デンタツマタ</t>
    </rPh>
    <rPh sb="94" eb="96">
      <t>ギジュツ</t>
    </rPh>
    <rPh sb="96" eb="98">
      <t>シドウ</t>
    </rPh>
    <rPh sb="99" eb="100">
      <t>カカ</t>
    </rPh>
    <rPh sb="101" eb="103">
      <t>カイギ</t>
    </rPh>
    <rPh sb="104" eb="106">
      <t>カイサイ</t>
    </rPh>
    <rPh sb="107" eb="109">
      <t>カクニン</t>
    </rPh>
    <rPh sb="112" eb="114">
      <t>ショメン</t>
    </rPh>
    <phoneticPr fontId="3"/>
  </si>
  <si>
    <t>上記「認知症専門ケア加算（Ⅰ）」の添付書類のうち①～④
⑤認知症介護指導者研修修了証の写し
⑥認知症ケアに関する研修の実施計画</t>
    <rPh sb="0" eb="2">
      <t>ジョウキ</t>
    </rPh>
    <rPh sb="3" eb="8">
      <t>ニンチショウセンモン</t>
    </rPh>
    <rPh sb="10" eb="12">
      <t>カサン</t>
    </rPh>
    <rPh sb="17" eb="21">
      <t>テンプショルイ</t>
    </rPh>
    <rPh sb="47" eb="50">
      <t>ニンチショウ</t>
    </rPh>
    <rPh sb="53" eb="54">
      <t>カン</t>
    </rPh>
    <rPh sb="56" eb="58">
      <t>ケンシュウ</t>
    </rPh>
    <rPh sb="59" eb="63">
      <t>ジッシケイカク</t>
    </rPh>
    <phoneticPr fontId="3"/>
  </si>
  <si>
    <t>※　要件を満たすことが分かる根拠書類を準備し、指定権者からの求めがあった場合には、速やかに提出してください。</t>
    <rPh sb="16" eb="18">
      <t>ショルイ</t>
    </rPh>
    <phoneticPr fontId="3"/>
  </si>
  <si>
    <t>注３　「歯科訪問診療料の算定の実績」とは、歯科診療報酬点数表の区分番号Ｃ000に掲げる歯科訪問診療料の算定の実績であり、直近の算定日を記載すること。</t>
    <rPh sb="0" eb="1">
      <t>チュウ</t>
    </rPh>
    <rPh sb="60" eb="62">
      <t>チョッキン</t>
    </rPh>
    <rPh sb="63" eb="65">
      <t>サンテイ</t>
    </rPh>
    <rPh sb="65" eb="66">
      <t>ビ</t>
    </rPh>
    <rPh sb="67" eb="69">
      <t>キサイ</t>
    </rPh>
    <phoneticPr fontId="3"/>
  </si>
  <si>
    <t>注２　「連携歯科医療機関」は１つ以上の記載が必要である。なお、記入欄が不足している場合には、「歯科医療機関との連携の状況」のみを追加記載した様式を別途添付しても差し支えない。</t>
    <rPh sb="0" eb="1">
      <t>チュウ</t>
    </rPh>
    <rPh sb="16" eb="18">
      <t>イジョウ</t>
    </rPh>
    <rPh sb="19" eb="21">
      <t>キサイ</t>
    </rPh>
    <rPh sb="22" eb="24">
      <t>ヒツヨウ</t>
    </rPh>
    <rPh sb="31" eb="34">
      <t>キニュウラン</t>
    </rPh>
    <rPh sb="35" eb="37">
      <t>フソク</t>
    </rPh>
    <rPh sb="41" eb="43">
      <t>バアイ</t>
    </rPh>
    <rPh sb="64" eb="66">
      <t>ツイカ</t>
    </rPh>
    <rPh sb="66" eb="68">
      <t>キサイ</t>
    </rPh>
    <rPh sb="70" eb="72">
      <t>ヨウシキ</t>
    </rPh>
    <rPh sb="73" eb="75">
      <t>ベット</t>
    </rPh>
    <rPh sb="75" eb="77">
      <t>テンプ</t>
    </rPh>
    <rPh sb="80" eb="81">
      <t>サ</t>
    </rPh>
    <rPh sb="82" eb="83">
      <t>ツカ</t>
    </rPh>
    <phoneticPr fontId="3"/>
  </si>
  <si>
    <t>注１　「連携歯科医療機関」とは、利用者の口腔の健康状態に係る評価を行うに当たって、歯科医療機関の歯科医師又は歯科医師の指示を受けた歯科衛生士に対して、口腔の健康状態の評価の方法や在宅歯科医療の提供等について相談できる体制を確保している歯科医療機関である。</t>
    <rPh sb="0" eb="1">
      <t>チュウ</t>
    </rPh>
    <rPh sb="41" eb="43">
      <t>シカ</t>
    </rPh>
    <rPh sb="71" eb="72">
      <t>タイ</t>
    </rPh>
    <rPh sb="117" eb="119">
      <t>シカ</t>
    </rPh>
    <rPh sb="119" eb="121">
      <t>イリョウ</t>
    </rPh>
    <rPh sb="121" eb="123">
      <t>キカン</t>
    </rPh>
    <phoneticPr fontId="3"/>
  </si>
  <si>
    <t>連絡先電話番号</t>
    <rPh sb="0" eb="3">
      <t>レンラクサキ</t>
    </rPh>
    <rPh sb="3" eb="5">
      <t>デンワ</t>
    </rPh>
    <rPh sb="5" eb="7">
      <t>バンゴウ</t>
    </rPh>
    <phoneticPr fontId="3"/>
  </si>
  <si>
    <t xml:space="preserve">       　　年　　月　　日</t>
    <rPh sb="9" eb="10">
      <t>ネン</t>
    </rPh>
    <rPh sb="12" eb="13">
      <t>ガツ</t>
    </rPh>
    <rPh sb="15" eb="16">
      <t>ニチ</t>
    </rPh>
    <phoneticPr fontId="3"/>
  </si>
  <si>
    <t>歯科訪問診療料の算定の実績</t>
    <phoneticPr fontId="3"/>
  </si>
  <si>
    <t>歯科医師名</t>
    <rPh sb="0" eb="4">
      <t>シカイシ</t>
    </rPh>
    <rPh sb="4" eb="5">
      <t>メイ</t>
    </rPh>
    <phoneticPr fontId="3"/>
  </si>
  <si>
    <t>所在地</t>
    <rPh sb="0" eb="3">
      <t>ショザイチ</t>
    </rPh>
    <phoneticPr fontId="3"/>
  </si>
  <si>
    <t>歯科医療機関名</t>
    <rPh sb="0" eb="2">
      <t>シカ</t>
    </rPh>
    <rPh sb="2" eb="4">
      <t>イリョウ</t>
    </rPh>
    <rPh sb="4" eb="6">
      <t>キカン</t>
    </rPh>
    <rPh sb="6" eb="7">
      <t>メイ</t>
    </rPh>
    <phoneticPr fontId="3"/>
  </si>
  <si>
    <t>３．連携歯科医療機関</t>
    <rPh sb="2" eb="4">
      <t>レンケイ</t>
    </rPh>
    <rPh sb="4" eb="6">
      <t>シカ</t>
    </rPh>
    <rPh sb="6" eb="8">
      <t>イリョウ</t>
    </rPh>
    <rPh sb="8" eb="10">
      <t>キカン</t>
    </rPh>
    <phoneticPr fontId="3"/>
  </si>
  <si>
    <t>２．連携歯科医療機関</t>
    <rPh sb="2" eb="4">
      <t>レンケイ</t>
    </rPh>
    <rPh sb="4" eb="6">
      <t>シカ</t>
    </rPh>
    <rPh sb="6" eb="8">
      <t>イリョウ</t>
    </rPh>
    <rPh sb="8" eb="10">
      <t>キカン</t>
    </rPh>
    <phoneticPr fontId="3"/>
  </si>
  <si>
    <t>１．連携歯科医療機関</t>
    <rPh sb="2" eb="4">
      <t>レンケイ</t>
    </rPh>
    <rPh sb="4" eb="6">
      <t>シカ</t>
    </rPh>
    <rPh sb="6" eb="8">
      <t>イリョウ</t>
    </rPh>
    <rPh sb="8" eb="10">
      <t>キカン</t>
    </rPh>
    <phoneticPr fontId="3"/>
  </si>
  <si>
    <t>歯科医療機関との連携の状況</t>
    <rPh sb="0" eb="2">
      <t>シカ</t>
    </rPh>
    <rPh sb="2" eb="4">
      <t>イリョウ</t>
    </rPh>
    <rPh sb="4" eb="6">
      <t>キカン</t>
    </rPh>
    <rPh sb="8" eb="10">
      <t>レンケイ</t>
    </rPh>
    <rPh sb="11" eb="13">
      <t>ジョウキョウ</t>
    </rPh>
    <phoneticPr fontId="3"/>
  </si>
  <si>
    <t>6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3"/>
  </si>
  <si>
    <t>5　(介護予防）短期入所療養介護事業所</t>
    <rPh sb="3" eb="5">
      <t>カイゴ</t>
    </rPh>
    <rPh sb="5" eb="7">
      <t>ヨボウ</t>
    </rPh>
    <rPh sb="8" eb="10">
      <t>タンキ</t>
    </rPh>
    <rPh sb="10" eb="12">
      <t>ニュウショ</t>
    </rPh>
    <rPh sb="12" eb="14">
      <t>リョウヨウ</t>
    </rPh>
    <rPh sb="14" eb="16">
      <t>カイゴ</t>
    </rPh>
    <rPh sb="16" eb="19">
      <t>ジギョウショ</t>
    </rPh>
    <phoneticPr fontId="3"/>
  </si>
  <si>
    <t>□</t>
    <phoneticPr fontId="3"/>
  </si>
  <si>
    <t>4　(介護予防）短期入所生活介護事業所</t>
    <rPh sb="3" eb="5">
      <t>カイゴ</t>
    </rPh>
    <rPh sb="5" eb="7">
      <t>ヨボウ</t>
    </rPh>
    <rPh sb="8" eb="10">
      <t>タンキ</t>
    </rPh>
    <rPh sb="10" eb="12">
      <t>ニュウショ</t>
    </rPh>
    <rPh sb="12" eb="14">
      <t>セイカツ</t>
    </rPh>
    <rPh sb="14" eb="16">
      <t>カイゴ</t>
    </rPh>
    <rPh sb="16" eb="19">
      <t>ジギョウショ</t>
    </rPh>
    <phoneticPr fontId="3"/>
  </si>
  <si>
    <t>3　(介護予防）訪問リハビリテーション事業所</t>
    <rPh sb="3" eb="5">
      <t>カイゴ</t>
    </rPh>
    <rPh sb="5" eb="7">
      <t>ヨボウ</t>
    </rPh>
    <rPh sb="8" eb="10">
      <t>ホウモン</t>
    </rPh>
    <rPh sb="19" eb="22">
      <t>ジギョウショ</t>
    </rPh>
    <phoneticPr fontId="3"/>
  </si>
  <si>
    <t>2　(介護予防）訪問看護事業所（訪問看護ステーション）</t>
    <rPh sb="3" eb="5">
      <t>カイゴ</t>
    </rPh>
    <rPh sb="5" eb="7">
      <t>ヨボウ</t>
    </rPh>
    <rPh sb="8" eb="10">
      <t>ホウモン</t>
    </rPh>
    <rPh sb="10" eb="12">
      <t>カンゴ</t>
    </rPh>
    <rPh sb="12" eb="14">
      <t>ジギョウ</t>
    </rPh>
    <rPh sb="14" eb="15">
      <t>ショ</t>
    </rPh>
    <rPh sb="16" eb="18">
      <t>ホウモン</t>
    </rPh>
    <rPh sb="18" eb="20">
      <t>カンゴ</t>
    </rPh>
    <phoneticPr fontId="3"/>
  </si>
  <si>
    <t>1　訪問介護事業所</t>
    <rPh sb="2" eb="4">
      <t>ホウモン</t>
    </rPh>
    <rPh sb="4" eb="6">
      <t>カイゴ</t>
    </rPh>
    <rPh sb="6" eb="9">
      <t>ジギョウショ</t>
    </rPh>
    <phoneticPr fontId="3"/>
  </si>
  <si>
    <t>施設種別</t>
    <rPh sb="0" eb="2">
      <t>シセツ</t>
    </rPh>
    <rPh sb="2" eb="4">
      <t>シュベツ</t>
    </rPh>
    <phoneticPr fontId="3"/>
  </si>
  <si>
    <t>3　終了</t>
    <phoneticPr fontId="3"/>
  </si>
  <si>
    <t>2　変更</t>
    <phoneticPr fontId="3"/>
  </si>
  <si>
    <t>1　新規</t>
    <phoneticPr fontId="3"/>
  </si>
  <si>
    <t>異動区分</t>
    <rPh sb="0" eb="2">
      <t>イドウ</t>
    </rPh>
    <rPh sb="2" eb="4">
      <t>クブン</t>
    </rPh>
    <phoneticPr fontId="3"/>
  </si>
  <si>
    <t>事業所名</t>
    <rPh sb="0" eb="3">
      <t>ジギョウショ</t>
    </rPh>
    <rPh sb="3" eb="4">
      <t>メイ</t>
    </rPh>
    <phoneticPr fontId="3"/>
  </si>
  <si>
    <t>口腔連携強化加算に関する届出書</t>
    <rPh sb="0" eb="2">
      <t>コウクウ</t>
    </rPh>
    <rPh sb="2" eb="4">
      <t>レンケイ</t>
    </rPh>
    <rPh sb="4" eb="6">
      <t>キョウカ</t>
    </rPh>
    <rPh sb="6" eb="8">
      <t>カサン</t>
    </rPh>
    <rPh sb="9" eb="10">
      <t>カン</t>
    </rPh>
    <rPh sb="12" eb="15">
      <t>トドケデショ</t>
    </rPh>
    <phoneticPr fontId="3"/>
  </si>
  <si>
    <t>（別紙11）</t>
    <rPh sb="1" eb="3">
      <t>ベッシ</t>
    </rPh>
    <phoneticPr fontId="3"/>
  </si>
  <si>
    <t>①口腔連携強化加算に関する届出書（別紙11）</t>
    <rPh sb="17" eb="19">
      <t>ベッシ</t>
    </rPh>
    <phoneticPr fontId="3"/>
  </si>
  <si>
    <t>（別紙14）</t>
    <phoneticPr fontId="3"/>
  </si>
  <si>
    <t>サービス提供体制強化加算に関する届出書</t>
    <rPh sb="4" eb="6">
      <t>テイキョウ</t>
    </rPh>
    <rPh sb="6" eb="8">
      <t>タイセイ</t>
    </rPh>
    <rPh sb="8" eb="10">
      <t>キョウカ</t>
    </rPh>
    <rPh sb="10" eb="12">
      <t>カサン</t>
    </rPh>
    <rPh sb="13" eb="14">
      <t>カン</t>
    </rPh>
    <rPh sb="16" eb="19">
      <t>トドケデショ</t>
    </rPh>
    <phoneticPr fontId="3"/>
  </si>
  <si>
    <t>（（介護予防）訪問入浴介護、定期巡回・随時対応型訪問介護看護、夜間対応型訪問介護）</t>
    <rPh sb="2" eb="4">
      <t>カイゴ</t>
    </rPh>
    <rPh sb="4" eb="6">
      <t>ヨボウ</t>
    </rPh>
    <rPh sb="7" eb="9">
      <t>ホウモン</t>
    </rPh>
    <rPh sb="9" eb="11">
      <t>ニュウヨク</t>
    </rPh>
    <rPh sb="11" eb="13">
      <t>カイゴ</t>
    </rPh>
    <rPh sb="14" eb="16">
      <t>テイキ</t>
    </rPh>
    <rPh sb="16" eb="18">
      <t>ジュンカイ</t>
    </rPh>
    <rPh sb="19" eb="21">
      <t>ズイジ</t>
    </rPh>
    <rPh sb="21" eb="24">
      <t>タイオウガタ</t>
    </rPh>
    <rPh sb="24" eb="26">
      <t>ホウモン</t>
    </rPh>
    <rPh sb="26" eb="28">
      <t>カイゴ</t>
    </rPh>
    <rPh sb="28" eb="30">
      <t>カンゴ</t>
    </rPh>
    <rPh sb="31" eb="33">
      <t>ヤカン</t>
    </rPh>
    <rPh sb="33" eb="36">
      <t>タイオウガタ</t>
    </rPh>
    <rPh sb="36" eb="38">
      <t>ホウモン</t>
    </rPh>
    <rPh sb="38" eb="40">
      <t>カイゴ</t>
    </rPh>
    <phoneticPr fontId="3"/>
  </si>
  <si>
    <t>1　事 業 所 名</t>
    <phoneticPr fontId="3"/>
  </si>
  <si>
    <t>2　異 動 区 分</t>
    <rPh sb="2" eb="3">
      <t>イ</t>
    </rPh>
    <rPh sb="4" eb="5">
      <t>ドウ</t>
    </rPh>
    <rPh sb="6" eb="7">
      <t>ク</t>
    </rPh>
    <rPh sb="8" eb="9">
      <t>ブン</t>
    </rPh>
    <phoneticPr fontId="3"/>
  </si>
  <si>
    <t>1　新規</t>
    <phoneticPr fontId="3"/>
  </si>
  <si>
    <t>2　変更</t>
    <phoneticPr fontId="3"/>
  </si>
  <si>
    <t>3　終了</t>
    <phoneticPr fontId="3"/>
  </si>
  <si>
    <t>3　施 設 種 別</t>
    <rPh sb="2" eb="3">
      <t>シ</t>
    </rPh>
    <rPh sb="4" eb="5">
      <t>セツ</t>
    </rPh>
    <rPh sb="6" eb="7">
      <t>シュ</t>
    </rPh>
    <rPh sb="8" eb="9">
      <t>ベツ</t>
    </rPh>
    <phoneticPr fontId="3"/>
  </si>
  <si>
    <t>1　（介護予防）訪問入浴介護</t>
    <rPh sb="3" eb="5">
      <t>カイゴ</t>
    </rPh>
    <rPh sb="5" eb="7">
      <t>ヨボウ</t>
    </rPh>
    <rPh sb="8" eb="10">
      <t>ホウモン</t>
    </rPh>
    <rPh sb="10" eb="12">
      <t>ニュウヨク</t>
    </rPh>
    <rPh sb="12" eb="14">
      <t>カイゴ</t>
    </rPh>
    <phoneticPr fontId="3"/>
  </si>
  <si>
    <t>2　定期巡回・随時対応型訪問介護看護</t>
    <rPh sb="2" eb="4">
      <t>テイキ</t>
    </rPh>
    <rPh sb="4" eb="6">
      <t>ジュンカイ</t>
    </rPh>
    <rPh sb="7" eb="9">
      <t>ズイジ</t>
    </rPh>
    <rPh sb="9" eb="12">
      <t>タイオウガタ</t>
    </rPh>
    <rPh sb="12" eb="14">
      <t>ホウモン</t>
    </rPh>
    <rPh sb="14" eb="16">
      <t>カイゴ</t>
    </rPh>
    <rPh sb="16" eb="18">
      <t>カンゴ</t>
    </rPh>
    <phoneticPr fontId="3"/>
  </si>
  <si>
    <t>3　夜間対応型訪問介護</t>
    <rPh sb="2" eb="4">
      <t>ヤカン</t>
    </rPh>
    <rPh sb="4" eb="7">
      <t>タイオウガタ</t>
    </rPh>
    <rPh sb="7" eb="9">
      <t>ホウモン</t>
    </rPh>
    <rPh sb="9" eb="11">
      <t>カイゴ</t>
    </rPh>
    <phoneticPr fontId="3"/>
  </si>
  <si>
    <t>4　届 出 項 目</t>
    <rPh sb="2" eb="3">
      <t>トド</t>
    </rPh>
    <rPh sb="4" eb="5">
      <t>デ</t>
    </rPh>
    <rPh sb="6" eb="7">
      <t>コウ</t>
    </rPh>
    <rPh sb="8" eb="9">
      <t>メ</t>
    </rPh>
    <phoneticPr fontId="3"/>
  </si>
  <si>
    <t>1 サービス提供体制強化加算（Ⅰ）</t>
    <rPh sb="6" eb="8">
      <t>テイキョウ</t>
    </rPh>
    <rPh sb="8" eb="10">
      <t>タイセイ</t>
    </rPh>
    <rPh sb="10" eb="12">
      <t>キョウカ</t>
    </rPh>
    <rPh sb="12" eb="14">
      <t>カサン</t>
    </rPh>
    <phoneticPr fontId="3"/>
  </si>
  <si>
    <t>2 サービス提供体制強化加算（Ⅱ）</t>
    <rPh sb="6" eb="8">
      <t>テイキョウ</t>
    </rPh>
    <rPh sb="8" eb="10">
      <t>タイセイ</t>
    </rPh>
    <rPh sb="10" eb="12">
      <t>キョウカ</t>
    </rPh>
    <rPh sb="12" eb="14">
      <t>カサン</t>
    </rPh>
    <phoneticPr fontId="3"/>
  </si>
  <si>
    <t>3 サービス提供体制強化加算（Ⅲ）</t>
    <rPh sb="6" eb="8">
      <t>テイキョウ</t>
    </rPh>
    <rPh sb="8" eb="10">
      <t>タイセイ</t>
    </rPh>
    <rPh sb="10" eb="12">
      <t>キョウカ</t>
    </rPh>
    <rPh sb="12" eb="14">
      <t>カサン</t>
    </rPh>
    <phoneticPr fontId="3"/>
  </si>
  <si>
    <t>5　研修等に
     関する状況</t>
    <rPh sb="2" eb="5">
      <t>ケンシュウトウ</t>
    </rPh>
    <rPh sb="12" eb="13">
      <t>カン</t>
    </rPh>
    <rPh sb="15" eb="17">
      <t>ジョウキョウ</t>
    </rPh>
    <phoneticPr fontId="3"/>
  </si>
  <si>
    <t>①　研修計画を作成し、当該計画に従い、研修（外部における研修を
　含む）を実施又は実施を予定していること。</t>
    <phoneticPr fontId="3"/>
  </si>
  <si>
    <t>②　利用者に関する情報若しくはサービス提供にあたっての留意事項
　の伝達又は技術指導を目的とした会議を定期的に開催すること。</t>
    <rPh sb="2" eb="5">
      <t>リヨウシャ</t>
    </rPh>
    <rPh sb="6" eb="7">
      <t>カン</t>
    </rPh>
    <rPh sb="9" eb="11">
      <t>ジョウホウ</t>
    </rPh>
    <rPh sb="11" eb="12">
      <t>モ</t>
    </rPh>
    <rPh sb="19" eb="21">
      <t>テイキョウ</t>
    </rPh>
    <rPh sb="27" eb="29">
      <t>リュウイ</t>
    </rPh>
    <rPh sb="29" eb="31">
      <t>ジコウ</t>
    </rPh>
    <rPh sb="34" eb="36">
      <t>デンタツ</t>
    </rPh>
    <rPh sb="36" eb="37">
      <t>マタ</t>
    </rPh>
    <rPh sb="38" eb="40">
      <t>ギジュツ</t>
    </rPh>
    <rPh sb="40" eb="42">
      <t>シドウ</t>
    </rPh>
    <rPh sb="43" eb="45">
      <t>モクテキ</t>
    </rPh>
    <rPh sb="48" eb="50">
      <t>カイギ</t>
    </rPh>
    <rPh sb="51" eb="54">
      <t>テイキテキ</t>
    </rPh>
    <rPh sb="55" eb="57">
      <t>カイサイ</t>
    </rPh>
    <phoneticPr fontId="3"/>
  </si>
  <si>
    <t>③　健康診断等を定期的に実施すること。</t>
    <rPh sb="2" eb="4">
      <t>ケンコウ</t>
    </rPh>
    <rPh sb="4" eb="6">
      <t>シンダン</t>
    </rPh>
    <rPh sb="6" eb="7">
      <t>トウ</t>
    </rPh>
    <rPh sb="8" eb="11">
      <t>テイキテキ</t>
    </rPh>
    <rPh sb="12" eb="14">
      <t>ジッシ</t>
    </rPh>
    <phoneticPr fontId="3"/>
  </si>
  <si>
    <t>6　介護職員等の状況</t>
    <rPh sb="2" eb="4">
      <t>カイゴ</t>
    </rPh>
    <rPh sb="4" eb="6">
      <t>ショクイン</t>
    </rPh>
    <rPh sb="6" eb="7">
      <t>トウ</t>
    </rPh>
    <rPh sb="8" eb="10">
      <t>ジョウキョウ</t>
    </rPh>
    <phoneticPr fontId="3"/>
  </si>
  <si>
    <t>（１）サービス提供体制強化加算（Ⅰ）</t>
    <rPh sb="7" eb="9">
      <t>テイキョウ</t>
    </rPh>
    <rPh sb="9" eb="11">
      <t>タイセイ</t>
    </rPh>
    <rPh sb="11" eb="13">
      <t>キョウカ</t>
    </rPh>
    <rPh sb="13" eb="15">
      <t>カサン</t>
    </rPh>
    <phoneticPr fontId="3"/>
  </si>
  <si>
    <t>介護福祉士等の
状況</t>
    <rPh sb="0" eb="2">
      <t>カイゴ</t>
    </rPh>
    <rPh sb="2" eb="5">
      <t>フクシシ</t>
    </rPh>
    <rPh sb="5" eb="6">
      <t>トウ</t>
    </rPh>
    <rPh sb="8" eb="10">
      <t>ジョウキョウ</t>
    </rPh>
    <phoneticPr fontId="3"/>
  </si>
  <si>
    <t>①に占める②の割合が60％以上</t>
    <rPh sb="2" eb="3">
      <t>シ</t>
    </rPh>
    <rPh sb="7" eb="9">
      <t>ワリアイ</t>
    </rPh>
    <rPh sb="13" eb="15">
      <t>イジョウ</t>
    </rPh>
    <phoneticPr fontId="3"/>
  </si>
  <si>
    <t>①</t>
    <phoneticPr fontId="3"/>
  </si>
  <si>
    <t>介護職員の総数（常勤換算）</t>
    <rPh sb="0" eb="2">
      <t>カイゴ</t>
    </rPh>
    <rPh sb="2" eb="4">
      <t>ショクイン</t>
    </rPh>
    <rPh sb="5" eb="7">
      <t>ソウスウ</t>
    </rPh>
    <rPh sb="8" eb="10">
      <t>ジョウキン</t>
    </rPh>
    <rPh sb="10" eb="12">
      <t>カンサン</t>
    </rPh>
    <phoneticPr fontId="3"/>
  </si>
  <si>
    <t>②</t>
    <phoneticPr fontId="3"/>
  </si>
  <si>
    <t>①のうち介護福祉士の総数（常勤換算）</t>
    <rPh sb="4" eb="6">
      <t>カイゴ</t>
    </rPh>
    <rPh sb="6" eb="9">
      <t>フクシシ</t>
    </rPh>
    <rPh sb="10" eb="12">
      <t>ソウスウ</t>
    </rPh>
    <rPh sb="13" eb="15">
      <t>ジョウキン</t>
    </rPh>
    <rPh sb="15" eb="17">
      <t>カンサン</t>
    </rPh>
    <phoneticPr fontId="3"/>
  </si>
  <si>
    <t>・</t>
    <phoneticPr fontId="3"/>
  </si>
  <si>
    <t>又は</t>
    <rPh sb="0" eb="1">
      <t>マタ</t>
    </rPh>
    <phoneticPr fontId="3"/>
  </si>
  <si>
    <t>①に占める③の割合が25％以上</t>
    <rPh sb="2" eb="3">
      <t>シ</t>
    </rPh>
    <rPh sb="7" eb="9">
      <t>ワリアイ</t>
    </rPh>
    <rPh sb="13" eb="15">
      <t>イジョウ</t>
    </rPh>
    <phoneticPr fontId="3"/>
  </si>
  <si>
    <t>③</t>
    <phoneticPr fontId="3"/>
  </si>
  <si>
    <t>①のうち勤続年数10年以上の介護福祉士の総数（常勤換算）</t>
    <rPh sb="4" eb="6">
      <t>キンゾク</t>
    </rPh>
    <rPh sb="6" eb="8">
      <t>ネンスウ</t>
    </rPh>
    <rPh sb="10" eb="13">
      <t>ネンイジョウ</t>
    </rPh>
    <rPh sb="14" eb="16">
      <t>カイゴ</t>
    </rPh>
    <rPh sb="16" eb="19">
      <t>フクシシ</t>
    </rPh>
    <phoneticPr fontId="3"/>
  </si>
  <si>
    <t>（２）サービス提供体制強化加算（Ⅱ）</t>
    <rPh sb="7" eb="9">
      <t>テイキョウ</t>
    </rPh>
    <rPh sb="9" eb="11">
      <t>タイセイ</t>
    </rPh>
    <rPh sb="11" eb="13">
      <t>キョウカ</t>
    </rPh>
    <rPh sb="13" eb="15">
      <t>カサン</t>
    </rPh>
    <phoneticPr fontId="3"/>
  </si>
  <si>
    <t>①に占める②の割合が40％以上</t>
    <rPh sb="2" eb="3">
      <t>シ</t>
    </rPh>
    <rPh sb="7" eb="9">
      <t>ワリアイ</t>
    </rPh>
    <rPh sb="13" eb="15">
      <t>イジョウ</t>
    </rPh>
    <phoneticPr fontId="3"/>
  </si>
  <si>
    <t>①</t>
    <phoneticPr fontId="3"/>
  </si>
  <si>
    <t>①に占める③の割合が60％以上</t>
    <rPh sb="2" eb="3">
      <t>シ</t>
    </rPh>
    <rPh sb="7" eb="9">
      <t>ワリアイ</t>
    </rPh>
    <rPh sb="13" eb="15">
      <t>イジョウ</t>
    </rPh>
    <phoneticPr fontId="3"/>
  </si>
  <si>
    <t>③</t>
    <phoneticPr fontId="3"/>
  </si>
  <si>
    <t>①のうち介護福祉士、実務者研修修了者等の総数（常勤換算）</t>
    <rPh sb="18" eb="19">
      <t>トウ</t>
    </rPh>
    <phoneticPr fontId="3"/>
  </si>
  <si>
    <r>
      <t>（３）サービス提供体制強化加算（Ⅲ）</t>
    </r>
    <r>
      <rPr>
        <u/>
        <sz val="8"/>
        <color indexed="10"/>
        <rFont val="HGSｺﾞｼｯｸM"/>
        <family val="3"/>
        <charset val="128"/>
      </rPr>
      <t/>
    </r>
    <rPh sb="7" eb="9">
      <t>テイキョウ</t>
    </rPh>
    <rPh sb="9" eb="11">
      <t>タイセイ</t>
    </rPh>
    <rPh sb="11" eb="13">
      <t>キョウカ</t>
    </rPh>
    <rPh sb="13" eb="15">
      <t>カサン</t>
    </rPh>
    <phoneticPr fontId="3"/>
  </si>
  <si>
    <t>　　※介護福祉士等の状況、常勤職員の状況、勤続年数の状況のうち、いずれか１つを満たすこと。</t>
    <phoneticPr fontId="3"/>
  </si>
  <si>
    <t>①に占める②の割合が30％以上</t>
    <rPh sb="2" eb="3">
      <t>シ</t>
    </rPh>
    <rPh sb="7" eb="9">
      <t>ワリアイ</t>
    </rPh>
    <rPh sb="13" eb="15">
      <t>イジョウ</t>
    </rPh>
    <phoneticPr fontId="3"/>
  </si>
  <si>
    <t>①に占める③の割合が50％以上</t>
    <rPh sb="2" eb="3">
      <t>シ</t>
    </rPh>
    <rPh sb="7" eb="9">
      <t>ワリアイ</t>
    </rPh>
    <rPh sb="13" eb="15">
      <t>イジョウ</t>
    </rPh>
    <phoneticPr fontId="3"/>
  </si>
  <si>
    <t>③</t>
    <phoneticPr fontId="3"/>
  </si>
  <si>
    <r>
      <t xml:space="preserve">常勤職員の
状況
</t>
    </r>
    <r>
      <rPr>
        <sz val="9"/>
        <rFont val="HGSｺﾞｼｯｸM"/>
        <family val="3"/>
        <charset val="128"/>
      </rPr>
      <t>（定期巡回のみ）</t>
    </r>
    <rPh sb="0" eb="2">
      <t>ジョウキン</t>
    </rPh>
    <rPh sb="2" eb="4">
      <t>ショクイン</t>
    </rPh>
    <rPh sb="6" eb="8">
      <t>ジョウキョウ</t>
    </rPh>
    <rPh sb="10" eb="12">
      <t>テイキ</t>
    </rPh>
    <rPh sb="12" eb="14">
      <t>ジュンカイ</t>
    </rPh>
    <phoneticPr fontId="3"/>
  </si>
  <si>
    <t>従業者の総数（常勤換算）</t>
    <rPh sb="0" eb="3">
      <t>ジュウギョウシャ</t>
    </rPh>
    <rPh sb="4" eb="6">
      <t>ソウスウ</t>
    </rPh>
    <rPh sb="7" eb="9">
      <t>ジョウキン</t>
    </rPh>
    <rPh sb="9" eb="11">
      <t>カンサン</t>
    </rPh>
    <phoneticPr fontId="3"/>
  </si>
  <si>
    <t>①のうち常勤の者の総数（常勤換算）</t>
    <rPh sb="4" eb="6">
      <t>ジョウキン</t>
    </rPh>
    <phoneticPr fontId="3"/>
  </si>
  <si>
    <t>勤続年数の状況</t>
    <rPh sb="0" eb="2">
      <t>キンゾク</t>
    </rPh>
    <rPh sb="2" eb="4">
      <t>ネンスウ</t>
    </rPh>
    <rPh sb="5" eb="7">
      <t>ジョウキョウ</t>
    </rPh>
    <phoneticPr fontId="3"/>
  </si>
  <si>
    <t>・</t>
    <phoneticPr fontId="3"/>
  </si>
  <si>
    <t>①のうち勤続年数７年以上の者の総数
　（常勤換算）</t>
    <phoneticPr fontId="3"/>
  </si>
  <si>
    <t>備考１</t>
    <rPh sb="0" eb="2">
      <t>ビコウ</t>
    </rPh>
    <phoneticPr fontId="3"/>
  </si>
  <si>
    <t>要件を満たすことが分かる根拠書類を準備し、指定権者からの求めがあった場合には、速やかに提出すること。</t>
    <rPh sb="17" eb="19">
      <t>ジュンビ</t>
    </rPh>
    <rPh sb="21" eb="23">
      <t>シテイ</t>
    </rPh>
    <rPh sb="23" eb="24">
      <t>ケン</t>
    </rPh>
    <rPh sb="24" eb="25">
      <t>シャ</t>
    </rPh>
    <rPh sb="28" eb="29">
      <t>モト</t>
    </rPh>
    <rPh sb="34" eb="36">
      <t>バアイ</t>
    </rPh>
    <rPh sb="39" eb="40">
      <t>スミ</t>
    </rPh>
    <rPh sb="43" eb="45">
      <t>テイシュツ</t>
    </rPh>
    <phoneticPr fontId="3"/>
  </si>
  <si>
    <t>備考２</t>
    <phoneticPr fontId="3"/>
  </si>
  <si>
    <t>「実務者研修修了者等」には「旧介護職員基礎研修課程修了者」を含む。</t>
    <rPh sb="1" eb="4">
      <t>ジツムシャ</t>
    </rPh>
    <rPh sb="4" eb="6">
      <t>ケンシュウ</t>
    </rPh>
    <rPh sb="6" eb="9">
      <t>シュウリョウシャ</t>
    </rPh>
    <rPh sb="9" eb="10">
      <t>トウ</t>
    </rPh>
    <rPh sb="30" eb="31">
      <t>フク</t>
    </rPh>
    <phoneticPr fontId="3"/>
  </si>
  <si>
    <t>備考３</t>
    <phoneticPr fontId="3"/>
  </si>
  <si>
    <t>従業者とは、訪問入浴介護における訪問入浴介護従業者、定期巡回・随時対応型訪問介護看護における定期巡回・随時対応型訪問介護看護従業者、夜間対応型訪問介護における夜間対応型訪問介護従業者をいう。</t>
    <rPh sb="0" eb="3">
      <t>ジュウギョウシャ</t>
    </rPh>
    <rPh sb="6" eb="8">
      <t>ホウモン</t>
    </rPh>
    <rPh sb="8" eb="10">
      <t>ニュウヨク</t>
    </rPh>
    <rPh sb="10" eb="12">
      <t>カイゴ</t>
    </rPh>
    <rPh sb="16" eb="18">
      <t>ホウモン</t>
    </rPh>
    <rPh sb="18" eb="20">
      <t>ニュウヨク</t>
    </rPh>
    <rPh sb="20" eb="22">
      <t>カイゴ</t>
    </rPh>
    <rPh sb="22" eb="25">
      <t>ジュウギョウシャ</t>
    </rPh>
    <rPh sb="26" eb="30">
      <t>テイキジュンカイ</t>
    </rPh>
    <rPh sb="31" eb="42">
      <t>ズイジタイオウガタホウモンカイゴカンゴ</t>
    </rPh>
    <rPh sb="46" eb="50">
      <t>テイキジュンカイ</t>
    </rPh>
    <rPh sb="51" eb="62">
      <t>ズイジタイオウガタホウモンカイゴカンゴ</t>
    </rPh>
    <rPh sb="62" eb="65">
      <t>ジュウギョウシャ</t>
    </rPh>
    <rPh sb="66" eb="68">
      <t>ヤカン</t>
    </rPh>
    <rPh sb="68" eb="71">
      <t>タイオウガタ</t>
    </rPh>
    <rPh sb="71" eb="73">
      <t>ホウモン</t>
    </rPh>
    <rPh sb="73" eb="75">
      <t>カイゴ</t>
    </rPh>
    <rPh sb="79" eb="81">
      <t>ヤカン</t>
    </rPh>
    <rPh sb="81" eb="84">
      <t>タイオウガタ</t>
    </rPh>
    <rPh sb="84" eb="86">
      <t>ホウモン</t>
    </rPh>
    <rPh sb="86" eb="88">
      <t>カイゴ</t>
    </rPh>
    <rPh sb="88" eb="91">
      <t>ジュウギョウシャ</t>
    </rPh>
    <phoneticPr fontId="3"/>
  </si>
  <si>
    <t>①サービス提供体制強化加算に関する届出書（別紙14)
②研修の実施計画
③利用者情報若しくはサービス提供上の留意事項の伝達又は技術指導を目的とした会議の開催を確認できる書面（会議録等）
④健康診断の実施状況を確認できる書面
⑤従業者の勤務の体制及び勤務形態一覧表(別紙7-a)
⑥介護福祉士の資格証の写し
※⑦は算定要件に応じて添付
⑦雇用期間証明書(勤続年数10年以上であることが確認できること）（任意様式）</t>
    <phoneticPr fontId="3"/>
  </si>
  <si>
    <t xml:space="preserve">①サービス提供体制強化加算に関する届出書（別紙14)
②従業者の勤務の体制及び勤務形態一覧表(別紙7-a)
※③～⑤は算定要件に応じて添付
③介護福祉士の資格証の写し
④実務者研修修了者及び介護職員基礎研修課程修了者の修了証の写し
⑤雇用期間証明書(勤続年数7年以上であることが確認できること）（任意様式）
</t>
    <rPh sb="85" eb="88">
      <t>ジツムシャ</t>
    </rPh>
    <rPh sb="88" eb="90">
      <t>ケンシュウ</t>
    </rPh>
    <rPh sb="90" eb="93">
      <t>シュウリョウシャ</t>
    </rPh>
    <rPh sb="93" eb="94">
      <t>オヨ</t>
    </rPh>
    <rPh sb="95" eb="97">
      <t>カイゴ</t>
    </rPh>
    <rPh sb="97" eb="99">
      <t>ショクイン</t>
    </rPh>
    <rPh sb="99" eb="101">
      <t>キソ</t>
    </rPh>
    <rPh sb="101" eb="103">
      <t>ケンシュウ</t>
    </rPh>
    <rPh sb="103" eb="105">
      <t>カテイ</t>
    </rPh>
    <rPh sb="105" eb="108">
      <t>シュウリョウシャ</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_ "/>
    <numFmt numFmtId="177" formatCode="0.0%"/>
  </numFmts>
  <fonts count="15"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4"/>
      <name val="HGSｺﾞｼｯｸM"/>
      <family val="3"/>
      <charset val="128"/>
    </font>
    <font>
      <sz val="10"/>
      <name val="HGSｺﾞｼｯｸM"/>
      <family val="3"/>
      <charset val="128"/>
    </font>
    <font>
      <b/>
      <sz val="12"/>
      <name val="ＭＳ Ｐゴシック"/>
      <family val="3"/>
      <charset val="128"/>
    </font>
    <font>
      <b/>
      <sz val="11"/>
      <name val="HGSｺﾞｼｯｸM"/>
      <family val="3"/>
      <charset val="128"/>
    </font>
    <font>
      <sz val="9"/>
      <name val="HGSｺﾞｼｯｸM"/>
      <family val="3"/>
      <charset val="128"/>
    </font>
    <font>
      <sz val="8"/>
      <name val="HGSｺﾞｼｯｸM"/>
      <family val="3"/>
      <charset val="128"/>
    </font>
    <font>
      <sz val="10.5"/>
      <name val="HGSｺﾞｼｯｸM"/>
      <family val="3"/>
      <charset val="128"/>
    </font>
    <font>
      <sz val="20"/>
      <name val="HGSｺﾞｼｯｸM"/>
      <family val="3"/>
      <charset val="128"/>
    </font>
    <font>
      <sz val="12"/>
      <name val="HGPｺﾞｼｯｸE"/>
      <family val="3"/>
      <charset val="128"/>
    </font>
    <font>
      <b/>
      <sz val="8"/>
      <name val="HGSｺﾞｼｯｸM"/>
      <family val="3"/>
      <charset val="128"/>
    </font>
    <font>
      <u/>
      <sz val="8"/>
      <color indexed="10"/>
      <name val="HGSｺﾞｼｯｸM"/>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indexed="9"/>
        <bgColor indexed="64"/>
      </patternFill>
    </fill>
  </fills>
  <borders count="37">
    <border>
      <left/>
      <right/>
      <top/>
      <bottom/>
      <diagonal/>
    </border>
    <border>
      <left/>
      <right style="thin">
        <color indexed="64"/>
      </right>
      <top/>
      <bottom/>
      <diagonal/>
    </border>
    <border>
      <left/>
      <right style="thin">
        <color indexed="64"/>
      </right>
      <top/>
      <bottom style="thin">
        <color indexed="64"/>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style="thin">
        <color indexed="64"/>
      </left>
      <right style="thin">
        <color indexed="64"/>
      </right>
      <top/>
      <bottom/>
      <diagonal/>
    </border>
    <border>
      <left style="thin">
        <color indexed="64"/>
      </left>
      <right/>
      <top style="thin">
        <color indexed="64"/>
      </top>
      <bottom/>
      <diagonal/>
    </border>
    <border>
      <left/>
      <right/>
      <top/>
      <bottom style="dashed">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thin">
        <color indexed="64"/>
      </top>
      <bottom style="double">
        <color indexed="64"/>
      </bottom>
      <diagonal/>
    </border>
    <border>
      <left/>
      <right style="double">
        <color indexed="64"/>
      </right>
      <top style="thin">
        <color indexed="64"/>
      </top>
      <bottom style="thin">
        <color indexed="64"/>
      </bottom>
      <diagonal/>
    </border>
    <border>
      <left style="double">
        <color indexed="64"/>
      </left>
      <right style="thin">
        <color indexed="64"/>
      </right>
      <top style="thin">
        <color indexed="64"/>
      </top>
      <bottom/>
      <diagonal/>
    </border>
    <border>
      <left style="double">
        <color indexed="64"/>
      </left>
      <right style="thin">
        <color indexed="64"/>
      </right>
      <top/>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style="double">
        <color indexed="64"/>
      </top>
      <bottom style="thin">
        <color indexed="64"/>
      </bottom>
      <diagonal/>
    </border>
    <border>
      <left/>
      <right/>
      <top/>
      <bottom style="hair">
        <color indexed="64"/>
      </bottom>
      <diagonal/>
    </border>
    <border>
      <left/>
      <right style="thin">
        <color indexed="64"/>
      </right>
      <top style="double">
        <color indexed="64"/>
      </top>
      <bottom style="thin">
        <color indexed="64"/>
      </bottom>
      <diagonal/>
    </border>
    <border>
      <left/>
      <right style="thin">
        <color indexed="64"/>
      </right>
      <top style="double">
        <color indexed="64"/>
      </top>
      <bottom/>
      <diagonal/>
    </border>
    <border>
      <left/>
      <right/>
      <top style="double">
        <color indexed="64"/>
      </top>
      <bottom/>
      <diagonal/>
    </border>
    <border>
      <left style="thin">
        <color indexed="64"/>
      </left>
      <right/>
      <top style="double">
        <color indexed="64"/>
      </top>
      <bottom/>
      <diagonal/>
    </border>
    <border>
      <left/>
      <right style="thin">
        <color indexed="64"/>
      </right>
      <top style="thin">
        <color indexed="64"/>
      </top>
      <bottom style="double">
        <color indexed="64"/>
      </bottom>
      <diagonal/>
    </border>
    <border>
      <left/>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style="dashed">
        <color indexed="64"/>
      </right>
      <top style="thin">
        <color indexed="64"/>
      </top>
      <bottom style="thin">
        <color indexed="64"/>
      </bottom>
      <diagonal/>
    </border>
  </borders>
  <cellStyleXfs count="5">
    <xf numFmtId="0" fontId="0" fillId="0" borderId="0"/>
    <xf numFmtId="0" fontId="1" fillId="0" borderId="0"/>
    <xf numFmtId="0" fontId="1" fillId="0" borderId="0">
      <alignment vertical="center"/>
    </xf>
    <xf numFmtId="0" fontId="1" fillId="0" borderId="0">
      <alignment vertical="center"/>
    </xf>
    <xf numFmtId="0" fontId="1" fillId="0" borderId="0">
      <alignment vertical="center"/>
    </xf>
  </cellStyleXfs>
  <cellXfs count="358">
    <xf numFmtId="0" fontId="0" fillId="0" borderId="0" xfId="0"/>
    <xf numFmtId="0" fontId="2" fillId="0" borderId="5" xfId="0" applyFont="1" applyBorder="1" applyAlignment="1">
      <alignment horizontal="left" vertical="center"/>
    </xf>
    <xf numFmtId="0" fontId="2" fillId="0" borderId="1" xfId="0" applyFont="1" applyBorder="1" applyAlignment="1">
      <alignment vertical="center"/>
    </xf>
    <xf numFmtId="0" fontId="2" fillId="0" borderId="9" xfId="0" applyFont="1" applyBorder="1" applyAlignment="1">
      <alignment horizontal="left" vertical="center"/>
    </xf>
    <xf numFmtId="0" fontId="2" fillId="0" borderId="0" xfId="0" applyFont="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0" xfId="0" applyFont="1"/>
    <xf numFmtId="0" fontId="2" fillId="0" borderId="3" xfId="0" applyFont="1" applyBorder="1"/>
    <xf numFmtId="0" fontId="2" fillId="0" borderId="1" xfId="0" applyFont="1" applyBorder="1"/>
    <xf numFmtId="0" fontId="2" fillId="0" borderId="5" xfId="0" applyFont="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14" xfId="0" applyFont="1" applyBorder="1" applyAlignment="1">
      <alignment horizontal="center" vertical="center"/>
    </xf>
    <xf numFmtId="0" fontId="0" fillId="0" borderId="0" xfId="2" applyFont="1" applyFill="1" applyAlignment="1">
      <alignment vertical="center" wrapText="1"/>
    </xf>
    <xf numFmtId="0" fontId="0" fillId="0" borderId="4" xfId="2" applyFont="1" applyFill="1" applyBorder="1" applyAlignment="1">
      <alignment horizontal="left" vertical="top" wrapText="1"/>
    </xf>
    <xf numFmtId="0" fontId="0" fillId="0" borderId="18" xfId="2" applyFont="1" applyFill="1" applyBorder="1" applyAlignment="1">
      <alignment horizontal="left" vertical="top" wrapText="1"/>
    </xf>
    <xf numFmtId="0" fontId="0" fillId="0" borderId="0" xfId="2" applyFont="1" applyFill="1" applyAlignment="1">
      <alignment horizontal="left" vertical="center" wrapText="1"/>
    </xf>
    <xf numFmtId="0" fontId="0" fillId="2" borderId="21" xfId="2" applyFont="1" applyFill="1" applyBorder="1" applyAlignment="1">
      <alignment horizontal="center" vertical="center" wrapText="1"/>
    </xf>
    <xf numFmtId="0" fontId="0" fillId="2" borderId="4" xfId="2" applyFont="1" applyFill="1" applyBorder="1" applyAlignment="1">
      <alignment horizontal="left" vertical="center" wrapText="1"/>
    </xf>
    <xf numFmtId="0" fontId="0" fillId="2" borderId="18" xfId="2" applyFont="1" applyFill="1" applyBorder="1" applyAlignment="1">
      <alignment horizontal="left" vertical="center" wrapText="1"/>
    </xf>
    <xf numFmtId="0" fontId="0" fillId="2" borderId="18" xfId="2" applyFont="1" applyFill="1" applyBorder="1" applyAlignment="1">
      <alignment horizontal="left" vertical="center"/>
    </xf>
    <xf numFmtId="0" fontId="2" fillId="0" borderId="14" xfId="0" applyFont="1" applyBorder="1" applyAlignment="1">
      <alignmen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7" fillId="0" borderId="0" xfId="0" applyFont="1" applyAlignment="1">
      <alignment horizontal="center"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11" xfId="0" applyFont="1" applyBorder="1" applyAlignment="1">
      <alignment horizontal="center" vertical="center"/>
    </xf>
    <xf numFmtId="49" fontId="2" fillId="0" borderId="0" xfId="0" applyNumberFormat="1" applyFont="1" applyAlignment="1">
      <alignment horizontal="left" vertical="center"/>
    </xf>
    <xf numFmtId="0" fontId="5" fillId="0" borderId="9" xfId="0" applyFont="1" applyBorder="1" applyAlignment="1">
      <alignment horizontal="center" vertical="center"/>
    </xf>
    <xf numFmtId="0" fontId="5" fillId="0" borderId="0" xfId="0" applyFont="1" applyAlignment="1">
      <alignment horizontal="center" vertical="center"/>
    </xf>
    <xf numFmtId="0" fontId="9" fillId="0" borderId="0" xfId="0" applyFont="1" applyAlignment="1">
      <alignment horizontal="left" vertical="center"/>
    </xf>
    <xf numFmtId="49" fontId="2" fillId="0" borderId="3" xfId="0" applyNumberFormat="1" applyFont="1" applyBorder="1" applyAlignment="1">
      <alignment horizontal="left" vertical="center"/>
    </xf>
    <xf numFmtId="0" fontId="10" fillId="0" borderId="0" xfId="0" applyFont="1" applyAlignment="1">
      <alignment horizontal="left"/>
    </xf>
    <xf numFmtId="0" fontId="10" fillId="0" borderId="0" xfId="0" applyFont="1" applyAlignment="1">
      <alignment horizontal="justify"/>
    </xf>
    <xf numFmtId="0" fontId="10" fillId="0" borderId="0" xfId="0" applyFont="1" applyAlignment="1">
      <alignment vertical="top"/>
    </xf>
    <xf numFmtId="0" fontId="11" fillId="0" borderId="0" xfId="0" applyFont="1" applyAlignment="1">
      <alignment vertical="center"/>
    </xf>
    <xf numFmtId="0" fontId="10" fillId="0" borderId="18" xfId="0" applyFont="1" applyBorder="1" applyAlignment="1">
      <alignment horizontal="center" vertical="center"/>
    </xf>
    <xf numFmtId="0" fontId="10" fillId="0" borderId="15" xfId="0" applyFont="1" applyBorder="1" applyAlignment="1">
      <alignment horizontal="center" vertical="center"/>
    </xf>
    <xf numFmtId="0" fontId="10" fillId="0" borderId="18" xfId="0" applyFont="1" applyBorder="1" applyAlignment="1">
      <alignment horizontal="justify" vertical="center"/>
    </xf>
    <xf numFmtId="0" fontId="10" fillId="0" borderId="15" xfId="0" applyFont="1" applyBorder="1" applyAlignment="1">
      <alignment horizontal="justify" vertical="center"/>
    </xf>
    <xf numFmtId="0" fontId="10" fillId="0" borderId="18" xfId="0" applyFont="1" applyBorder="1" applyAlignment="1">
      <alignment horizontal="center" vertical="center" wrapText="1"/>
    </xf>
    <xf numFmtId="0" fontId="10" fillId="0" borderId="18" xfId="0" applyFont="1" applyBorder="1" applyAlignment="1">
      <alignment horizontal="justify" vertical="center" wrapText="1"/>
    </xf>
    <xf numFmtId="0" fontId="10" fillId="0" borderId="15" xfId="0" applyFont="1" applyBorder="1" applyAlignment="1">
      <alignment horizontal="justify" vertical="center" wrapText="1"/>
    </xf>
    <xf numFmtId="0" fontId="10" fillId="0" borderId="26" xfId="0" applyFont="1" applyBorder="1" applyAlignment="1">
      <alignment horizontal="justify" vertical="top" wrapText="1"/>
    </xf>
    <xf numFmtId="0" fontId="10" fillId="0" borderId="18" xfId="0" applyFont="1" applyBorder="1" applyAlignment="1">
      <alignment horizontal="justify" vertical="top" wrapText="1"/>
    </xf>
    <xf numFmtId="0" fontId="10" fillId="0" borderId="15" xfId="0" applyFont="1" applyBorder="1" applyAlignment="1">
      <alignment horizontal="center" vertical="center" wrapText="1"/>
    </xf>
    <xf numFmtId="0" fontId="10" fillId="0" borderId="8" xfId="0" applyFont="1" applyBorder="1" applyAlignment="1">
      <alignment horizontal="justify" vertical="top" wrapText="1"/>
    </xf>
    <xf numFmtId="0" fontId="10" fillId="0" borderId="8" xfId="0" applyFont="1" applyBorder="1" applyAlignment="1">
      <alignment horizontal="center" vertical="center" wrapText="1"/>
    </xf>
    <xf numFmtId="0" fontId="10" fillId="0" borderId="27" xfId="0" applyFont="1" applyBorder="1" applyAlignment="1">
      <alignment horizontal="center" vertical="center" wrapText="1"/>
    </xf>
    <xf numFmtId="0" fontId="2" fillId="0" borderId="6" xfId="0" applyFont="1" applyBorder="1"/>
    <xf numFmtId="176" fontId="5" fillId="0" borderId="18" xfId="0" applyNumberFormat="1" applyFont="1" applyBorder="1" applyAlignment="1">
      <alignment horizontal="center" vertical="center" wrapText="1"/>
    </xf>
    <xf numFmtId="0" fontId="10" fillId="0" borderId="11" xfId="0" applyFont="1" applyBorder="1" applyAlignment="1">
      <alignment horizontal="justify" vertical="top" wrapText="1"/>
    </xf>
    <xf numFmtId="0" fontId="10" fillId="0" borderId="7" xfId="0" applyFont="1" applyBorder="1" applyAlignment="1">
      <alignment horizontal="justify" vertical="top" wrapText="1"/>
    </xf>
    <xf numFmtId="0" fontId="10" fillId="0" borderId="9" xfId="0" applyFont="1" applyBorder="1" applyAlignment="1">
      <alignment horizontal="left"/>
    </xf>
    <xf numFmtId="0" fontId="10" fillId="0" borderId="0" xfId="0" applyFont="1"/>
    <xf numFmtId="0" fontId="10" fillId="0" borderId="1" xfId="0" applyFont="1" applyBorder="1" applyAlignment="1">
      <alignment horizontal="justify" vertical="top" wrapText="1"/>
    </xf>
    <xf numFmtId="0" fontId="10" fillId="0" borderId="0" xfId="0" applyFont="1" applyAlignment="1">
      <alignment horizontal="justify" vertical="top" wrapText="1"/>
    </xf>
    <xf numFmtId="0" fontId="10" fillId="0" borderId="5" xfId="0" applyFont="1" applyBorder="1" applyAlignment="1">
      <alignment horizontal="left"/>
    </xf>
    <xf numFmtId="0" fontId="2" fillId="0" borderId="2" xfId="0" applyFont="1" applyBorder="1"/>
    <xf numFmtId="0" fontId="2" fillId="0" borderId="7" xfId="0" applyFont="1" applyBorder="1"/>
    <xf numFmtId="0" fontId="12" fillId="0" borderId="0" xfId="0" applyFont="1" applyAlignment="1">
      <alignment horizontal="left" vertical="center"/>
    </xf>
    <xf numFmtId="0" fontId="2" fillId="0" borderId="12" xfId="0" applyFont="1" applyBorder="1"/>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0" xfId="0" applyFont="1" applyAlignment="1">
      <alignment horizontal="center" vertical="center"/>
    </xf>
    <xf numFmtId="0" fontId="2" fillId="0" borderId="18" xfId="0" applyFont="1" applyBorder="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0" xfId="0" applyFont="1" applyAlignment="1">
      <alignment horizontal="left" vertical="center"/>
    </xf>
    <xf numFmtId="0" fontId="2" fillId="0" borderId="1" xfId="0" applyFont="1" applyBorder="1" applyAlignment="1">
      <alignment horizontal="left" vertical="center"/>
    </xf>
    <xf numFmtId="0" fontId="2" fillId="0" borderId="15" xfId="0" applyFont="1" applyBorder="1" applyAlignment="1">
      <alignment horizontal="center"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9" xfId="0" applyFont="1" applyBorder="1" applyAlignment="1">
      <alignment horizontal="center" vertical="center"/>
    </xf>
    <xf numFmtId="0" fontId="2" fillId="0" borderId="1" xfId="0" applyFont="1" applyBorder="1" applyAlignment="1">
      <alignment horizontal="center" vertical="center"/>
    </xf>
    <xf numFmtId="0" fontId="0" fillId="0" borderId="18" xfId="2" applyFont="1" applyFill="1" applyBorder="1" applyAlignment="1">
      <alignmen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2" fillId="0" borderId="0" xfId="0" applyFont="1" applyAlignment="1">
      <alignment horizontal="left" vertical="top" wrapText="1"/>
    </xf>
    <xf numFmtId="0" fontId="2" fillId="0" borderId="10" xfId="0" applyFont="1" applyBorder="1" applyAlignment="1">
      <alignment horizontal="left" vertical="center"/>
    </xf>
    <xf numFmtId="0" fontId="2" fillId="0" borderId="0" xfId="0" applyFont="1" applyAlignment="1">
      <alignment vertical="top" wrapText="1"/>
    </xf>
    <xf numFmtId="0" fontId="2" fillId="0" borderId="11"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5" fillId="0" borderId="0" xfId="0" applyFont="1" applyAlignment="1">
      <alignment horizontal="center" vertical="center"/>
    </xf>
    <xf numFmtId="0" fontId="2" fillId="0" borderId="14" xfId="0" applyFont="1" applyBorder="1" applyAlignment="1">
      <alignment vertical="center"/>
    </xf>
    <xf numFmtId="0" fontId="2" fillId="0" borderId="13" xfId="0" applyFont="1" applyBorder="1" applyAlignment="1">
      <alignment vertical="center"/>
    </xf>
    <xf numFmtId="0" fontId="2" fillId="0" borderId="5" xfId="0" applyFont="1" applyBorder="1" applyAlignment="1">
      <alignment horizontal="center"/>
    </xf>
    <xf numFmtId="0" fontId="2" fillId="0" borderId="15" xfId="0" applyFont="1" applyBorder="1" applyAlignment="1">
      <alignment vertical="center"/>
    </xf>
    <xf numFmtId="0" fontId="2" fillId="0" borderId="0" xfId="0" applyFont="1" applyAlignment="1">
      <alignment horizontal="center"/>
    </xf>
    <xf numFmtId="0" fontId="4" fillId="0" borderId="0" xfId="4" applyFont="1" applyAlignment="1">
      <alignment horizontal="left" vertical="top"/>
    </xf>
    <xf numFmtId="0" fontId="4" fillId="0" borderId="0" xfId="4" applyFont="1" applyAlignment="1">
      <alignment horizontal="right" vertical="center"/>
    </xf>
    <xf numFmtId="0" fontId="4" fillId="0" borderId="0" xfId="4" applyFont="1" applyAlignment="1">
      <alignment vertical="center"/>
    </xf>
    <xf numFmtId="0" fontId="4" fillId="0" borderId="0" xfId="4" applyFont="1" applyAlignment="1">
      <alignment horizontal="center" vertical="top"/>
    </xf>
    <xf numFmtId="0" fontId="4" fillId="0" borderId="36" xfId="4" applyFont="1" applyBorder="1" applyAlignment="1">
      <alignment horizontal="center" vertical="center"/>
    </xf>
    <xf numFmtId="0" fontId="4" fillId="0" borderId="17" xfId="4" applyFont="1" applyBorder="1" applyAlignment="1">
      <alignment horizontal="center" vertical="center"/>
    </xf>
    <xf numFmtId="0" fontId="4" fillId="0" borderId="16" xfId="4" applyFont="1" applyBorder="1" applyAlignment="1">
      <alignment horizontal="center" vertical="center"/>
    </xf>
    <xf numFmtId="0" fontId="4" fillId="0" borderId="0" xfId="4" applyFont="1" applyAlignment="1">
      <alignment horizontal="left" vertical="center"/>
    </xf>
    <xf numFmtId="0" fontId="4" fillId="0" borderId="7" xfId="4" applyFont="1" applyBorder="1" applyAlignment="1">
      <alignment horizontal="center" vertical="center"/>
    </xf>
    <xf numFmtId="0" fontId="4" fillId="0" borderId="6" xfId="4" applyFont="1" applyBorder="1" applyAlignment="1">
      <alignment horizontal="left" vertical="center"/>
    </xf>
    <xf numFmtId="0" fontId="4" fillId="0" borderId="15" xfId="4" applyFont="1" applyBorder="1" applyAlignment="1">
      <alignment horizontal="center" vertical="center"/>
    </xf>
    <xf numFmtId="0" fontId="4" fillId="0" borderId="13" xfId="4" applyFont="1" applyBorder="1" applyAlignment="1">
      <alignment horizontal="left" vertical="center"/>
    </xf>
    <xf numFmtId="0" fontId="4" fillId="0" borderId="14" xfId="4" applyFont="1" applyBorder="1" applyAlignment="1">
      <alignment horizontal="left" vertical="center"/>
    </xf>
    <xf numFmtId="0" fontId="4" fillId="0" borderId="0" xfId="4" applyFont="1" applyAlignment="1">
      <alignment horizontal="center" vertical="center"/>
    </xf>
    <xf numFmtId="0" fontId="4" fillId="0" borderId="7" xfId="4" applyFont="1" applyBorder="1" applyAlignment="1">
      <alignment horizontal="left" vertical="center"/>
    </xf>
    <xf numFmtId="0" fontId="4" fillId="0" borderId="1" xfId="4" applyFont="1" applyBorder="1" applyAlignment="1">
      <alignment horizontal="left" vertical="center"/>
    </xf>
    <xf numFmtId="0" fontId="4" fillId="0" borderId="5" xfId="4" applyFont="1" applyBorder="1" applyAlignment="1">
      <alignment horizontal="center" vertical="center"/>
    </xf>
    <xf numFmtId="0" fontId="4" fillId="0" borderId="3" xfId="4" applyFont="1" applyBorder="1" applyAlignment="1">
      <alignment horizontal="left" vertical="center"/>
    </xf>
    <xf numFmtId="0" fontId="4" fillId="0" borderId="35" xfId="4" applyFont="1" applyBorder="1" applyAlignment="1">
      <alignment horizontal="center" vertical="center"/>
    </xf>
    <xf numFmtId="0" fontId="4" fillId="0" borderId="34" xfId="4" applyFont="1" applyBorder="1" applyAlignment="1">
      <alignment horizontal="left" vertical="center"/>
    </xf>
    <xf numFmtId="0" fontId="4" fillId="0" borderId="20" xfId="4" applyFont="1" applyBorder="1" applyAlignment="1">
      <alignment horizontal="center" vertical="center"/>
    </xf>
    <xf numFmtId="0" fontId="4" fillId="0" borderId="19" xfId="4" applyFont="1" applyBorder="1" applyAlignment="1">
      <alignment horizontal="left" vertical="center"/>
    </xf>
    <xf numFmtId="0" fontId="4" fillId="0" borderId="28" xfId="4" applyFont="1" applyBorder="1" applyAlignment="1">
      <alignment horizontal="left" vertical="top"/>
    </xf>
    <xf numFmtId="0" fontId="4" fillId="0" borderId="3" xfId="4" applyFont="1" applyBorder="1" applyAlignment="1">
      <alignment horizontal="left" vertical="top"/>
    </xf>
    <xf numFmtId="0" fontId="4" fillId="0" borderId="7" xfId="4" applyFont="1" applyBorder="1" applyAlignment="1">
      <alignment horizontal="left" vertical="top"/>
    </xf>
    <xf numFmtId="0" fontId="7" fillId="0" borderId="7" xfId="0" applyFont="1" applyBorder="1" applyAlignment="1">
      <alignment horizontal="center" vertical="center"/>
    </xf>
    <xf numFmtId="0" fontId="2" fillId="0" borderId="15" xfId="0" applyFont="1" applyBorder="1" applyAlignment="1">
      <alignment horizontal="center" vertical="center" wrapText="1"/>
    </xf>
    <xf numFmtId="0" fontId="8" fillId="0" borderId="0" xfId="0" applyFont="1" applyAlignment="1">
      <alignment horizontal="left" vertical="center"/>
    </xf>
    <xf numFmtId="0" fontId="8" fillId="0" borderId="0" xfId="0" applyFont="1" applyAlignment="1">
      <alignment vertical="center"/>
    </xf>
    <xf numFmtId="0" fontId="2" fillId="0" borderId="5" xfId="0" applyFont="1" applyBorder="1" applyAlignment="1">
      <alignment horizontal="center" vertical="center" wrapText="1"/>
    </xf>
    <xf numFmtId="0" fontId="8" fillId="0" borderId="3" xfId="0" applyFont="1" applyBorder="1" applyAlignment="1">
      <alignment horizontal="left" vertical="top" wrapText="1"/>
    </xf>
    <xf numFmtId="0" fontId="5" fillId="0" borderId="0" xfId="0" applyFont="1" applyAlignment="1">
      <alignment horizontal="left" vertical="center"/>
    </xf>
    <xf numFmtId="0" fontId="2" fillId="0" borderId="0" xfId="0" applyFont="1" applyAlignment="1">
      <alignment horizontal="center" vertical="center" wrapText="1"/>
    </xf>
    <xf numFmtId="0" fontId="2" fillId="0" borderId="1" xfId="0" applyFont="1" applyBorder="1" applyAlignment="1">
      <alignment vertical="center" wrapText="1"/>
    </xf>
    <xf numFmtId="0" fontId="0" fillId="0" borderId="9" xfId="0" applyBorder="1"/>
    <xf numFmtId="0" fontId="2" fillId="0" borderId="3" xfId="0" applyFont="1" applyBorder="1" applyAlignment="1">
      <alignment vertical="center"/>
    </xf>
    <xf numFmtId="0" fontId="2" fillId="0" borderId="4" xfId="0" applyFont="1" applyBorder="1" applyAlignment="1">
      <alignment horizontal="center" vertical="center"/>
    </xf>
    <xf numFmtId="0" fontId="0" fillId="0" borderId="3" xfId="0" applyBorder="1"/>
    <xf numFmtId="0" fontId="13" fillId="0" borderId="13" xfId="0" applyFont="1" applyBorder="1" applyAlignment="1">
      <alignment horizontal="center" vertical="center"/>
    </xf>
    <xf numFmtId="0" fontId="13" fillId="0" borderId="11" xfId="0" applyFont="1" applyBorder="1" applyAlignment="1">
      <alignment horizontal="center" vertical="center"/>
    </xf>
    <xf numFmtId="0" fontId="0" fillId="0" borderId="18" xfId="2" applyFont="1" applyFill="1" applyBorder="1" applyAlignment="1">
      <alignment vertical="top" wrapText="1"/>
    </xf>
    <xf numFmtId="0" fontId="5" fillId="0" borderId="1" xfId="0" applyFont="1" applyBorder="1" applyAlignment="1">
      <alignment vertical="center"/>
    </xf>
    <xf numFmtId="0" fontId="2" fillId="0" borderId="0" xfId="0" applyFont="1" applyAlignment="1">
      <alignment vertical="center" wrapText="1"/>
    </xf>
    <xf numFmtId="1" fontId="2" fillId="0" borderId="14" xfId="0" applyNumberFormat="1" applyFont="1" applyBorder="1" applyAlignment="1">
      <alignment vertical="center"/>
    </xf>
    <xf numFmtId="0" fontId="2" fillId="0" borderId="6" xfId="0" applyFont="1" applyBorder="1" applyAlignment="1">
      <alignment vertical="center"/>
    </xf>
    <xf numFmtId="0" fontId="2" fillId="0" borderId="14" xfId="0" applyFont="1" applyBorder="1" applyAlignment="1">
      <alignment vertical="center" wrapText="1" shrinkToFit="1"/>
    </xf>
    <xf numFmtId="0" fontId="2" fillId="0" borderId="18" xfId="0" applyFont="1" applyBorder="1" applyAlignment="1">
      <alignment horizontal="centerContinuous" vertical="center"/>
    </xf>
    <xf numFmtId="0" fontId="2" fillId="0" borderId="7" xfId="0" applyFont="1" applyBorder="1" applyAlignment="1">
      <alignment vertical="center"/>
    </xf>
    <xf numFmtId="0" fontId="2" fillId="0" borderId="0" xfId="0" applyFont="1" applyAlignment="1">
      <alignment vertical="top"/>
    </xf>
    <xf numFmtId="0" fontId="5" fillId="0" borderId="0" xfId="0" applyFont="1"/>
    <xf numFmtId="0" fontId="2" fillId="0" borderId="5" xfId="0" applyFont="1" applyBorder="1"/>
    <xf numFmtId="0" fontId="2" fillId="0" borderId="9" xfId="0" applyFont="1" applyBorder="1"/>
    <xf numFmtId="0" fontId="2" fillId="0" borderId="9" xfId="0" applyFont="1" applyBorder="1" applyAlignment="1">
      <alignment horizontal="center"/>
    </xf>
    <xf numFmtId="0" fontId="2" fillId="0" borderId="9" xfId="0" applyFont="1" applyBorder="1" applyAlignment="1">
      <alignment vertical="center"/>
    </xf>
    <xf numFmtId="0" fontId="2" fillId="0" borderId="1" xfId="0" applyFont="1" applyBorder="1" applyAlignment="1">
      <alignment vertical="top" wrapText="1"/>
    </xf>
    <xf numFmtId="0" fontId="2" fillId="0" borderId="9" xfId="0" applyFont="1" applyBorder="1" applyAlignment="1">
      <alignment horizontal="center" vertical="top"/>
    </xf>
    <xf numFmtId="0" fontId="2" fillId="0" borderId="10" xfId="0" applyFont="1" applyBorder="1"/>
    <xf numFmtId="0" fontId="2" fillId="0" borderId="11" xfId="0" applyFont="1" applyBorder="1"/>
    <xf numFmtId="0" fontId="2" fillId="0" borderId="11" xfId="0" applyFont="1" applyBorder="1" applyAlignment="1">
      <alignment horizontal="center"/>
    </xf>
    <xf numFmtId="0" fontId="2" fillId="0" borderId="0" xfId="1" applyFont="1" applyAlignment="1">
      <alignment horizontal="center" vertical="center"/>
    </xf>
    <xf numFmtId="0" fontId="2" fillId="0" borderId="14" xfId="1" applyFont="1" applyBorder="1" applyAlignment="1">
      <alignment horizontal="center" vertical="center"/>
    </xf>
    <xf numFmtId="0" fontId="2" fillId="0" borderId="15" xfId="1" applyFont="1" applyBorder="1" applyAlignment="1">
      <alignment horizontal="center" vertical="center"/>
    </xf>
    <xf numFmtId="0" fontId="2" fillId="0" borderId="13" xfId="0" applyFont="1" applyBorder="1"/>
    <xf numFmtId="0" fontId="2" fillId="0" borderId="14" xfId="0" applyFont="1" applyBorder="1"/>
    <xf numFmtId="0" fontId="10" fillId="0" borderId="14" xfId="0" applyFont="1" applyBorder="1" applyAlignment="1">
      <alignment vertical="center"/>
    </xf>
    <xf numFmtId="0" fontId="10" fillId="0" borderId="13" xfId="0" applyFont="1" applyBorder="1" applyAlignment="1">
      <alignment vertical="center"/>
    </xf>
    <xf numFmtId="0" fontId="2" fillId="0" borderId="11" xfId="1" applyFont="1" applyBorder="1" applyAlignment="1">
      <alignment horizontal="center" vertical="center"/>
    </xf>
    <xf numFmtId="0" fontId="2" fillId="0" borderId="7" xfId="1" applyFont="1" applyBorder="1" applyAlignment="1">
      <alignment horizontal="center" vertical="center"/>
    </xf>
    <xf numFmtId="0" fontId="10" fillId="0" borderId="7" xfId="0" applyFont="1" applyBorder="1" applyAlignment="1">
      <alignment vertical="center"/>
    </xf>
    <xf numFmtId="0" fontId="10" fillId="0" borderId="6" xfId="0" applyFont="1" applyBorder="1" applyAlignment="1">
      <alignment vertical="center"/>
    </xf>
    <xf numFmtId="0" fontId="2" fillId="0" borderId="5" xfId="1" applyFont="1" applyBorder="1" applyAlignment="1">
      <alignment horizontal="center" vertical="center"/>
    </xf>
    <xf numFmtId="0" fontId="10" fillId="0" borderId="3" xfId="0" applyFont="1" applyBorder="1" applyAlignment="1">
      <alignment vertical="center"/>
    </xf>
    <xf numFmtId="0" fontId="10" fillId="0" borderId="2" xfId="0" applyFont="1" applyBorder="1" applyAlignment="1">
      <alignment vertical="center"/>
    </xf>
    <xf numFmtId="0" fontId="2" fillId="0" borderId="11" xfId="0" applyFont="1" applyBorder="1" applyAlignment="1">
      <alignment vertical="center"/>
    </xf>
    <xf numFmtId="0" fontId="2" fillId="0" borderId="5" xfId="0" applyFont="1" applyBorder="1" applyAlignment="1">
      <alignment vertical="top"/>
    </xf>
    <xf numFmtId="0" fontId="2" fillId="0" borderId="3" xfId="1" applyFont="1" applyBorder="1" applyAlignment="1">
      <alignment horizontal="center" vertical="center"/>
    </xf>
    <xf numFmtId="0" fontId="2" fillId="0" borderId="2" xfId="0" applyFont="1" applyBorder="1" applyAlignment="1">
      <alignment vertical="top"/>
    </xf>
    <xf numFmtId="0" fontId="2" fillId="0" borderId="0" xfId="0" applyFont="1" applyAlignment="1">
      <alignment horizontal="center" vertical="top"/>
    </xf>
    <xf numFmtId="0" fontId="9" fillId="0" borderId="1" xfId="0" applyFont="1" applyBorder="1" applyAlignment="1">
      <alignment vertical="center" shrinkToFit="1"/>
    </xf>
    <xf numFmtId="0" fontId="10" fillId="0" borderId="15" xfId="0" applyFont="1" applyBorder="1" applyAlignment="1">
      <alignment horizontal="left" vertical="center"/>
    </xf>
    <xf numFmtId="177" fontId="2" fillId="0" borderId="9" xfId="0" applyNumberFormat="1" applyFont="1" applyBorder="1" applyAlignment="1">
      <alignment horizontal="center" vertical="center"/>
    </xf>
    <xf numFmtId="177" fontId="2" fillId="0" borderId="0" xfId="0" applyNumberFormat="1" applyFont="1" applyAlignment="1">
      <alignment horizontal="center" vertical="center"/>
    </xf>
    <xf numFmtId="177" fontId="2" fillId="0" borderId="0" xfId="0" applyNumberFormat="1" applyFont="1" applyAlignment="1">
      <alignment vertical="center"/>
    </xf>
    <xf numFmtId="177" fontId="2" fillId="0" borderId="3" xfId="0" applyNumberFormat="1" applyFont="1" applyBorder="1" applyAlignment="1">
      <alignment vertical="center"/>
    </xf>
    <xf numFmtId="177" fontId="2" fillId="0" borderId="3" xfId="0" applyNumberFormat="1" applyFont="1" applyBorder="1" applyAlignment="1">
      <alignment horizontal="center" vertical="center"/>
    </xf>
    <xf numFmtId="0" fontId="2" fillId="0" borderId="2" xfId="0" applyFont="1" applyBorder="1" applyAlignment="1">
      <alignment vertical="center"/>
    </xf>
    <xf numFmtId="0" fontId="10" fillId="0" borderId="14" xfId="0" applyFont="1" applyBorder="1" applyAlignment="1">
      <alignment horizontal="left" vertical="center"/>
    </xf>
    <xf numFmtId="0" fontId="10" fillId="0" borderId="3" xfId="0" applyFont="1" applyBorder="1" applyAlignment="1">
      <alignment horizontal="left" vertical="center"/>
    </xf>
    <xf numFmtId="0" fontId="8" fillId="0" borderId="0" xfId="0" applyFont="1" applyAlignment="1">
      <alignment vertical="top"/>
    </xf>
    <xf numFmtId="0" fontId="8" fillId="0" borderId="0" xfId="0" applyFont="1" applyAlignment="1">
      <alignment vertical="top" wrapText="1"/>
    </xf>
    <xf numFmtId="0" fontId="8" fillId="0" borderId="0" xfId="0" applyFont="1" applyAlignment="1">
      <alignment horizontal="left" vertical="top"/>
    </xf>
    <xf numFmtId="0" fontId="8" fillId="0" borderId="0" xfId="0" applyFont="1" applyAlignment="1">
      <alignment horizontal="left" vertical="top" wrapText="1"/>
    </xf>
    <xf numFmtId="0" fontId="2" fillId="0" borderId="0" xfId="0" applyFont="1" applyAlignment="1">
      <alignment horizontal="left"/>
    </xf>
    <xf numFmtId="0" fontId="6" fillId="0" borderId="0" xfId="2" applyFont="1" applyFill="1" applyAlignment="1">
      <alignment horizontal="center" vertical="center"/>
    </xf>
    <xf numFmtId="0" fontId="0" fillId="0" borderId="3" xfId="2" applyFont="1" applyFill="1" applyBorder="1" applyAlignment="1">
      <alignment horizontal="left" vertical="center" wrapText="1"/>
    </xf>
    <xf numFmtId="0" fontId="0" fillId="0" borderId="8" xfId="2" applyFont="1" applyFill="1" applyBorder="1" applyAlignment="1">
      <alignment vertical="center" wrapText="1"/>
    </xf>
    <xf numFmtId="0" fontId="0" fillId="0" borderId="10" xfId="2" applyFont="1" applyFill="1" applyBorder="1" applyAlignment="1">
      <alignment vertical="center" wrapText="1"/>
    </xf>
    <xf numFmtId="0" fontId="0" fillId="0" borderId="4" xfId="2" applyFont="1" applyFill="1" applyBorder="1" applyAlignment="1">
      <alignment vertical="center" wrapText="1"/>
    </xf>
    <xf numFmtId="0" fontId="2" fillId="0" borderId="18" xfId="0" applyFont="1" applyBorder="1" applyAlignment="1">
      <alignment horizontal="center" vertical="center"/>
    </xf>
    <xf numFmtId="0" fontId="2" fillId="0" borderId="11" xfId="0" applyFont="1" applyBorder="1" applyAlignment="1">
      <alignment horizontal="center" vertical="center"/>
    </xf>
    <xf numFmtId="0" fontId="2" fillId="0" borderId="7" xfId="0" applyFont="1" applyBorder="1" applyAlignment="1">
      <alignment horizontal="center" vertical="center"/>
    </xf>
    <xf numFmtId="0" fontId="2" fillId="0" borderId="6" xfId="0" applyFont="1" applyBorder="1" applyAlignment="1">
      <alignment horizontal="center" vertical="center"/>
    </xf>
    <xf numFmtId="0" fontId="2" fillId="0" borderId="9" xfId="0" applyFont="1" applyBorder="1" applyAlignment="1">
      <alignment horizontal="center" vertical="center"/>
    </xf>
    <xf numFmtId="0" fontId="2" fillId="0" borderId="0" xfId="0" applyFont="1" applyAlignment="1">
      <alignment horizontal="center" vertical="center"/>
    </xf>
    <xf numFmtId="0" fontId="2" fillId="0" borderId="1" xfId="0" applyFont="1" applyBorder="1" applyAlignment="1">
      <alignment horizontal="center" vertical="center"/>
    </xf>
    <xf numFmtId="0" fontId="2" fillId="0" borderId="5" xfId="0" applyFont="1" applyBorder="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5" xfId="0" applyFont="1" applyBorder="1" applyAlignment="1">
      <alignment horizontal="center" vertical="center"/>
    </xf>
    <xf numFmtId="0" fontId="2" fillId="0" borderId="15" xfId="0" applyFont="1" applyBorder="1" applyAlignment="1">
      <alignment horizontal="left" vertical="center"/>
    </xf>
    <xf numFmtId="0" fontId="2" fillId="0" borderId="14" xfId="0" applyFont="1" applyBorder="1" applyAlignment="1">
      <alignment horizontal="left" vertical="center"/>
    </xf>
    <xf numFmtId="0" fontId="2" fillId="0" borderId="13" xfId="0" applyFont="1" applyBorder="1" applyAlignment="1">
      <alignment horizontal="left" vertical="center"/>
    </xf>
    <xf numFmtId="0" fontId="2" fillId="0" borderId="15" xfId="0" applyFont="1" applyBorder="1" applyAlignment="1">
      <alignment horizontal="left" vertical="top"/>
    </xf>
    <xf numFmtId="0" fontId="2" fillId="0" borderId="14" xfId="0" applyFont="1" applyBorder="1" applyAlignment="1">
      <alignment horizontal="left" vertical="top"/>
    </xf>
    <xf numFmtId="0" fontId="2" fillId="0" borderId="13" xfId="0" applyFont="1" applyBorder="1" applyAlignment="1">
      <alignment horizontal="left" vertical="top"/>
    </xf>
    <xf numFmtId="0" fontId="2" fillId="0" borderId="15" xfId="0" applyFont="1" applyBorder="1" applyAlignment="1">
      <alignment horizontal="left" vertical="center" wrapText="1"/>
    </xf>
    <xf numFmtId="0" fontId="2" fillId="0" borderId="14" xfId="0" applyFont="1" applyBorder="1" applyAlignment="1">
      <alignment horizontal="left" vertical="center" wrapText="1"/>
    </xf>
    <xf numFmtId="0" fontId="2" fillId="0" borderId="13" xfId="0" applyFont="1" applyBorder="1" applyAlignment="1">
      <alignment horizontal="left" vertical="center" wrapText="1"/>
    </xf>
    <xf numFmtId="0" fontId="2" fillId="0" borderId="11" xfId="0" applyFont="1" applyBorder="1" applyAlignment="1">
      <alignment horizontal="left" vertical="center" wrapText="1"/>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3" xfId="0" applyFont="1" applyBorder="1" applyAlignment="1">
      <alignment horizontal="left" vertical="center"/>
    </xf>
    <xf numFmtId="0" fontId="2" fillId="0" borderId="2" xfId="0" applyFont="1" applyBorder="1" applyAlignment="1">
      <alignment horizontal="left" vertical="center"/>
    </xf>
    <xf numFmtId="0" fontId="5" fillId="0" borderId="0" xfId="0" applyFont="1" applyAlignment="1">
      <alignment horizontal="center" vertical="center"/>
    </xf>
    <xf numFmtId="0" fontId="10" fillId="0" borderId="8" xfId="0" applyFont="1" applyBorder="1" applyAlignment="1">
      <alignment horizontal="center" vertical="center" wrapText="1"/>
    </xf>
    <xf numFmtId="0" fontId="0" fillId="0" borderId="10" xfId="0" applyBorder="1" applyAlignment="1">
      <alignment horizontal="center" vertical="center" wrapText="1"/>
    </xf>
    <xf numFmtId="0" fontId="0" fillId="0" borderId="4" xfId="0" applyBorder="1" applyAlignment="1">
      <alignment horizontal="center" vertical="center" wrapText="1"/>
    </xf>
    <xf numFmtId="0" fontId="10" fillId="0" borderId="18" xfId="0" applyFont="1" applyBorder="1" applyAlignment="1">
      <alignment horizontal="center" vertical="center" wrapText="1"/>
    </xf>
    <xf numFmtId="0" fontId="10" fillId="0" borderId="10" xfId="0" applyFont="1" applyBorder="1" applyAlignment="1">
      <alignment horizontal="center" vertical="center" wrapText="1"/>
    </xf>
    <xf numFmtId="0" fontId="10" fillId="0" borderId="4" xfId="0" applyFont="1" applyBorder="1" applyAlignment="1">
      <alignment horizontal="center" vertical="center" wrapText="1"/>
    </xf>
    <xf numFmtId="0" fontId="10" fillId="0" borderId="15" xfId="0" applyFont="1" applyBorder="1" applyAlignment="1">
      <alignment horizontal="center" vertical="center"/>
    </xf>
    <xf numFmtId="0" fontId="10" fillId="0" borderId="14" xfId="0" applyFont="1" applyBorder="1" applyAlignment="1">
      <alignment horizontal="center" vertical="center"/>
    </xf>
    <xf numFmtId="0" fontId="10" fillId="0" borderId="13" xfId="0" applyFont="1" applyBorder="1" applyAlignment="1">
      <alignment horizontal="center" vertical="center"/>
    </xf>
    <xf numFmtId="0" fontId="10" fillId="0" borderId="27" xfId="0" applyFont="1" applyBorder="1" applyAlignment="1">
      <alignment horizontal="center" vertical="center" wrapText="1"/>
    </xf>
    <xf numFmtId="0" fontId="10" fillId="0" borderId="27" xfId="0" applyFont="1" applyBorder="1" applyAlignment="1">
      <alignment horizontal="center" vertical="center" shrinkToFit="1"/>
    </xf>
    <xf numFmtId="0" fontId="10" fillId="0" borderId="22" xfId="0" applyFont="1" applyBorder="1" applyAlignment="1">
      <alignment horizontal="center" vertical="center"/>
    </xf>
    <xf numFmtId="0" fontId="10" fillId="0" borderId="23" xfId="0" applyFont="1" applyBorder="1" applyAlignment="1">
      <alignment horizontal="center" vertical="center" wrapText="1"/>
    </xf>
    <xf numFmtId="0" fontId="10" fillId="0" borderId="24" xfId="0" applyFont="1" applyBorder="1" applyAlignment="1">
      <alignment horizontal="center" vertical="center" wrapText="1"/>
    </xf>
    <xf numFmtId="0" fontId="10" fillId="0" borderId="25" xfId="0" applyFont="1" applyBorder="1" applyAlignment="1">
      <alignment horizontal="center" vertical="center" wrapText="1"/>
    </xf>
    <xf numFmtId="0" fontId="8" fillId="0" borderId="14" xfId="0" applyFont="1" applyBorder="1" applyAlignment="1">
      <alignment vertical="center" wrapText="1"/>
    </xf>
    <xf numFmtId="0" fontId="8" fillId="0" borderId="13" xfId="0" applyFont="1" applyBorder="1" applyAlignment="1">
      <alignment vertical="center" wrapText="1"/>
    </xf>
    <xf numFmtId="0" fontId="2" fillId="0" borderId="0" xfId="0" applyFont="1" applyAlignment="1">
      <alignment horizontal="left" vertical="center"/>
    </xf>
    <xf numFmtId="0" fontId="2" fillId="0" borderId="1" xfId="0" applyFont="1" applyBorder="1" applyAlignment="1">
      <alignment horizontal="left" vertical="center"/>
    </xf>
    <xf numFmtId="0" fontId="8" fillId="0" borderId="14" xfId="0" applyFont="1" applyBorder="1" applyAlignment="1">
      <alignment horizontal="left" vertical="center" wrapText="1"/>
    </xf>
    <xf numFmtId="0" fontId="8" fillId="0" borderId="13" xfId="0" applyFont="1" applyBorder="1" applyAlignment="1">
      <alignment horizontal="left" vertical="center" wrapText="1"/>
    </xf>
    <xf numFmtId="0" fontId="2" fillId="0" borderId="11" xfId="0" applyFont="1" applyBorder="1" applyAlignment="1">
      <alignment horizontal="center" vertical="center" wrapText="1"/>
    </xf>
    <xf numFmtId="0" fontId="2" fillId="0" borderId="9" xfId="0" applyFont="1" applyBorder="1" applyAlignment="1">
      <alignment horizontal="center" vertical="center" wrapText="1"/>
    </xf>
    <xf numFmtId="0" fontId="2" fillId="0" borderId="5" xfId="0" applyFont="1" applyBorder="1" applyAlignment="1">
      <alignment horizontal="center" vertical="center" wrapText="1"/>
    </xf>
    <xf numFmtId="0" fontId="8" fillId="0" borderId="7" xfId="0" applyFont="1" applyBorder="1" applyAlignment="1">
      <alignment horizontal="center" vertical="center" wrapText="1"/>
    </xf>
    <xf numFmtId="0" fontId="8" fillId="0" borderId="6" xfId="0" applyFont="1" applyBorder="1" applyAlignment="1">
      <alignment horizontal="center" vertical="center" wrapText="1"/>
    </xf>
    <xf numFmtId="0" fontId="8" fillId="0" borderId="0" xfId="0" applyFont="1" applyAlignment="1">
      <alignment horizontal="center" vertical="center" wrapText="1"/>
    </xf>
    <xf numFmtId="0" fontId="8" fillId="0" borderId="1" xfId="0" applyFont="1" applyBorder="1" applyAlignment="1">
      <alignment horizontal="center" vertical="center" wrapText="1"/>
    </xf>
    <xf numFmtId="0" fontId="8" fillId="0" borderId="3"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left" vertical="center" wrapText="1"/>
    </xf>
    <xf numFmtId="0" fontId="8" fillId="0" borderId="2" xfId="0" applyFont="1" applyBorder="1" applyAlignment="1">
      <alignment horizontal="left" vertical="center" wrapText="1"/>
    </xf>
    <xf numFmtId="0" fontId="8" fillId="0" borderId="7" xfId="0" applyFont="1" applyBorder="1" applyAlignment="1">
      <alignment horizontal="left" vertical="center" wrapText="1"/>
    </xf>
    <xf numFmtId="0" fontId="8" fillId="0" borderId="0" xfId="0" applyFont="1" applyAlignment="1">
      <alignment horizontal="left" vertical="center" wrapText="1"/>
    </xf>
    <xf numFmtId="0" fontId="9" fillId="0" borderId="18" xfId="0" applyFont="1" applyBorder="1" applyAlignment="1">
      <alignment horizontal="center" vertical="center"/>
    </xf>
    <xf numFmtId="1" fontId="2" fillId="3" borderId="15" xfId="0" applyNumberFormat="1" applyFont="1" applyFill="1" applyBorder="1" applyAlignment="1">
      <alignment horizontal="center" vertical="center"/>
    </xf>
    <xf numFmtId="1" fontId="2" fillId="3" borderId="14" xfId="0" applyNumberFormat="1" applyFont="1" applyFill="1" applyBorder="1" applyAlignment="1">
      <alignment horizontal="center" vertical="center"/>
    </xf>
    <xf numFmtId="0" fontId="9" fillId="0" borderId="15" xfId="0" applyFont="1" applyBorder="1" applyAlignment="1">
      <alignment horizontal="center" vertical="center"/>
    </xf>
    <xf numFmtId="0" fontId="9" fillId="0" borderId="4" xfId="0" applyFont="1" applyBorder="1" applyAlignment="1">
      <alignment horizontal="center" vertical="center"/>
    </xf>
    <xf numFmtId="0" fontId="2" fillId="0" borderId="0" xfId="0" applyFont="1" applyAlignment="1">
      <alignment vertical="center" wrapText="1"/>
    </xf>
    <xf numFmtId="0" fontId="5" fillId="0" borderId="0" xfId="0" applyFont="1" applyAlignment="1">
      <alignment horizontal="left" wrapText="1"/>
    </xf>
    <xf numFmtId="0" fontId="2" fillId="0" borderId="11" xfId="0" applyFont="1" applyBorder="1" applyAlignment="1">
      <alignment horizontal="left" vertical="center"/>
    </xf>
    <xf numFmtId="0" fontId="2" fillId="0" borderId="3" xfId="0" applyFont="1" applyBorder="1" applyAlignment="1">
      <alignment vertical="center" wrapText="1"/>
    </xf>
    <xf numFmtId="0" fontId="2" fillId="0" borderId="2" xfId="0" applyFont="1" applyBorder="1" applyAlignment="1">
      <alignment vertical="center" wrapText="1"/>
    </xf>
    <xf numFmtId="0" fontId="2" fillId="0" borderId="4" xfId="0" applyFont="1" applyBorder="1" applyAlignment="1">
      <alignment horizontal="center" vertical="center"/>
    </xf>
    <xf numFmtId="0" fontId="2" fillId="0" borderId="0" xfId="0" applyFont="1" applyAlignment="1">
      <alignment horizontal="center"/>
    </xf>
    <xf numFmtId="0" fontId="2" fillId="0" borderId="0" xfId="0" applyFont="1" applyAlignment="1">
      <alignment horizontal="center" vertical="top" wrapText="1"/>
    </xf>
    <xf numFmtId="0" fontId="2" fillId="0" borderId="1" xfId="0" applyFont="1" applyBorder="1" applyAlignment="1">
      <alignment horizontal="center" vertical="top" wrapText="1"/>
    </xf>
    <xf numFmtId="0" fontId="8" fillId="0" borderId="0" xfId="0" applyFont="1" applyAlignment="1">
      <alignment horizontal="center" vertical="top"/>
    </xf>
    <xf numFmtId="0" fontId="8" fillId="0" borderId="0" xfId="0" applyFont="1" applyAlignment="1">
      <alignment vertical="top" wrapText="1"/>
    </xf>
    <xf numFmtId="0" fontId="2" fillId="0" borderId="7" xfId="0" applyFont="1" applyBorder="1" applyAlignment="1">
      <alignment horizontal="center" vertical="center" wrapText="1"/>
    </xf>
    <xf numFmtId="0" fontId="2" fillId="0" borderId="6" xfId="0" applyFont="1" applyBorder="1" applyAlignment="1">
      <alignment horizontal="center" vertical="center" wrapText="1"/>
    </xf>
    <xf numFmtId="0" fontId="2" fillId="0" borderId="0" xfId="0" applyFont="1" applyAlignment="1">
      <alignment horizontal="center" vertical="center" wrapText="1"/>
    </xf>
    <xf numFmtId="0" fontId="2" fillId="0" borderId="1" xfId="0" applyFont="1" applyBorder="1" applyAlignment="1">
      <alignment horizontal="center" vertical="center" wrapText="1"/>
    </xf>
    <xf numFmtId="0" fontId="2" fillId="0" borderId="3" xfId="0" applyFont="1" applyBorder="1" applyAlignment="1">
      <alignment horizontal="center" vertical="center" wrapText="1"/>
    </xf>
    <xf numFmtId="0" fontId="2" fillId="0" borderId="2" xfId="0" applyFont="1" applyBorder="1" applyAlignment="1">
      <alignment horizontal="center" vertical="center" wrapText="1"/>
    </xf>
    <xf numFmtId="0" fontId="10" fillId="0" borderId="15" xfId="0" applyFont="1" applyBorder="1" applyAlignment="1">
      <alignment vertical="center" wrapText="1"/>
    </xf>
    <xf numFmtId="0" fontId="10" fillId="0" borderId="14" xfId="0" applyFont="1" applyBorder="1" applyAlignment="1">
      <alignment vertical="center" wrapText="1"/>
    </xf>
    <xf numFmtId="0" fontId="10" fillId="0" borderId="15" xfId="0" applyFont="1" applyBorder="1" applyAlignment="1">
      <alignment horizontal="left" vertical="center" wrapText="1"/>
    </xf>
    <xf numFmtId="0" fontId="10" fillId="0" borderId="14" xfId="0" applyFont="1" applyBorder="1" applyAlignment="1">
      <alignment horizontal="left" vertical="center" wrapText="1"/>
    </xf>
    <xf numFmtId="0" fontId="2" fillId="0" borderId="7" xfId="0" applyFont="1" applyBorder="1" applyAlignment="1">
      <alignment horizontal="left" vertical="center" wrapText="1"/>
    </xf>
    <xf numFmtId="0" fontId="2" fillId="0" borderId="6" xfId="0" applyFont="1" applyBorder="1" applyAlignment="1">
      <alignment horizontal="left" vertical="center" wrapText="1"/>
    </xf>
    <xf numFmtId="0" fontId="2" fillId="0" borderId="9" xfId="0" applyFont="1" applyBorder="1" applyAlignment="1">
      <alignment horizontal="left" vertical="center" wrapText="1"/>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5" xfId="0" applyFont="1" applyBorder="1" applyAlignment="1">
      <alignment horizontal="left" vertical="center" wrapText="1"/>
    </xf>
    <xf numFmtId="0" fontId="2" fillId="0" borderId="3" xfId="0" applyFont="1" applyBorder="1" applyAlignment="1">
      <alignment horizontal="left" vertical="center" wrapText="1"/>
    </xf>
    <xf numFmtId="0" fontId="2" fillId="0" borderId="2" xfId="0" applyFont="1" applyBorder="1" applyAlignment="1">
      <alignment horizontal="left" vertical="center" wrapText="1"/>
    </xf>
    <xf numFmtId="0" fontId="5" fillId="0" borderId="11" xfId="0" applyFont="1" applyBorder="1" applyAlignment="1">
      <alignment wrapText="1"/>
    </xf>
    <xf numFmtId="0" fontId="5" fillId="0" borderId="7" xfId="0" applyFont="1" applyBorder="1" applyAlignment="1">
      <alignment wrapText="1"/>
    </xf>
    <xf numFmtId="0" fontId="5" fillId="0" borderId="6" xfId="0" applyFont="1" applyBorder="1" applyAlignment="1">
      <alignment wrapText="1"/>
    </xf>
    <xf numFmtId="0" fontId="5" fillId="0" borderId="9" xfId="0" applyFont="1" applyBorder="1" applyAlignment="1">
      <alignment horizontal="left" vertical="top" wrapText="1"/>
    </xf>
    <xf numFmtId="0" fontId="5" fillId="0" borderId="0" xfId="0" applyFont="1" applyAlignment="1">
      <alignment horizontal="left" vertical="top" wrapText="1"/>
    </xf>
    <xf numFmtId="0" fontId="5" fillId="0" borderId="1" xfId="0" applyFont="1" applyBorder="1" applyAlignment="1">
      <alignment horizontal="left" vertical="top" wrapText="1"/>
    </xf>
    <xf numFmtId="0" fontId="5" fillId="0" borderId="9" xfId="0" applyFont="1" applyBorder="1" applyAlignment="1">
      <alignment vertical="top" wrapText="1"/>
    </xf>
    <xf numFmtId="0" fontId="5" fillId="0" borderId="0" xfId="0" applyFont="1" applyAlignment="1">
      <alignment vertical="top" wrapText="1"/>
    </xf>
    <xf numFmtId="0" fontId="5" fillId="0" borderId="1" xfId="0" applyFont="1" applyBorder="1" applyAlignment="1">
      <alignment vertical="top" wrapText="1"/>
    </xf>
    <xf numFmtId="0" fontId="5" fillId="0" borderId="5" xfId="0" applyFont="1" applyBorder="1" applyAlignment="1">
      <alignment vertical="top" wrapText="1"/>
    </xf>
    <xf numFmtId="0" fontId="5" fillId="0" borderId="3" xfId="0" applyFont="1" applyBorder="1" applyAlignment="1">
      <alignment vertical="top" wrapText="1"/>
    </xf>
    <xf numFmtId="0" fontId="5" fillId="0" borderId="2" xfId="0" applyFont="1" applyBorder="1" applyAlignment="1">
      <alignment vertical="top" wrapText="1"/>
    </xf>
    <xf numFmtId="0" fontId="2" fillId="0" borderId="18" xfId="0" applyFont="1" applyBorder="1" applyAlignment="1">
      <alignment horizontal="left" vertical="center"/>
    </xf>
    <xf numFmtId="0" fontId="10" fillId="0" borderId="15" xfId="0" applyFont="1" applyBorder="1" applyAlignment="1">
      <alignment horizontal="left" vertical="center"/>
    </xf>
    <xf numFmtId="0" fontId="10" fillId="0" borderId="14" xfId="0" applyFont="1" applyBorder="1" applyAlignment="1">
      <alignment horizontal="left" vertical="center"/>
    </xf>
    <xf numFmtId="0" fontId="10" fillId="0" borderId="13" xfId="0" applyFont="1" applyBorder="1" applyAlignment="1">
      <alignment horizontal="left" vertical="center"/>
    </xf>
    <xf numFmtId="0" fontId="4" fillId="0" borderId="15" xfId="4" applyFont="1" applyBorder="1" applyAlignment="1">
      <alignment horizontal="center" vertical="center"/>
    </xf>
    <xf numFmtId="0" fontId="4" fillId="0" borderId="14" xfId="4" applyFont="1" applyBorder="1" applyAlignment="1">
      <alignment horizontal="center" vertical="center"/>
    </xf>
    <xf numFmtId="0" fontId="4" fillId="0" borderId="13" xfId="4" applyFont="1" applyBorder="1" applyAlignment="1">
      <alignment horizontal="center" vertical="center"/>
    </xf>
    <xf numFmtId="0" fontId="4" fillId="0" borderId="0" xfId="4" applyFont="1" applyAlignment="1">
      <alignment horizontal="center" vertical="center"/>
    </xf>
    <xf numFmtId="0" fontId="4" fillId="0" borderId="0" xfId="4" applyFont="1" applyAlignment="1">
      <alignment horizontal="right" vertical="center"/>
    </xf>
    <xf numFmtId="0" fontId="4" fillId="0" borderId="0" xfId="4" applyFont="1" applyAlignment="1">
      <alignment horizontal="left" vertical="top" wrapText="1"/>
    </xf>
    <xf numFmtId="0" fontId="4" fillId="0" borderId="11" xfId="4" applyFont="1" applyBorder="1" applyAlignment="1">
      <alignment horizontal="left" vertical="top" wrapText="1"/>
    </xf>
    <xf numFmtId="0" fontId="4" fillId="0" borderId="7" xfId="4" applyFont="1" applyBorder="1" applyAlignment="1">
      <alignment horizontal="left" vertical="top" wrapText="1"/>
    </xf>
    <xf numFmtId="0" fontId="4" fillId="0" borderId="6" xfId="4" applyFont="1" applyBorder="1" applyAlignment="1">
      <alignment horizontal="left" vertical="top" wrapText="1"/>
    </xf>
    <xf numFmtId="0" fontId="1" fillId="0" borderId="9" xfId="4" applyBorder="1" applyAlignment="1">
      <alignment horizontal="left" vertical="top" wrapText="1"/>
    </xf>
    <xf numFmtId="0" fontId="1" fillId="0" borderId="0" xfId="4" applyAlignment="1">
      <alignment horizontal="left" vertical="top" wrapText="1"/>
    </xf>
    <xf numFmtId="0" fontId="1" fillId="0" borderId="1" xfId="4" applyBorder="1" applyAlignment="1">
      <alignment horizontal="left" vertical="top" wrapText="1"/>
    </xf>
    <xf numFmtId="0" fontId="1" fillId="0" borderId="5" xfId="4" applyBorder="1" applyAlignment="1">
      <alignment horizontal="left" vertical="top" wrapText="1"/>
    </xf>
    <xf numFmtId="0" fontId="1" fillId="0" borderId="3" xfId="4" applyBorder="1" applyAlignment="1">
      <alignment horizontal="left" vertical="top" wrapText="1"/>
    </xf>
    <xf numFmtId="0" fontId="1" fillId="0" borderId="2" xfId="4" applyBorder="1" applyAlignment="1">
      <alignment horizontal="left" vertical="top" wrapText="1"/>
    </xf>
    <xf numFmtId="0" fontId="4" fillId="0" borderId="11" xfId="4" applyFont="1" applyBorder="1" applyAlignment="1">
      <alignment horizontal="left" vertical="center"/>
    </xf>
    <xf numFmtId="0" fontId="4" fillId="0" borderId="7" xfId="4" applyFont="1" applyBorder="1" applyAlignment="1">
      <alignment horizontal="left" vertical="center"/>
    </xf>
    <xf numFmtId="0" fontId="4" fillId="0" borderId="6" xfId="4" applyFont="1" applyBorder="1" applyAlignment="1">
      <alignment horizontal="left" vertical="center"/>
    </xf>
    <xf numFmtId="0" fontId="4" fillId="0" borderId="9" xfId="4" applyFont="1" applyBorder="1" applyAlignment="1">
      <alignment horizontal="left" vertical="top" wrapText="1"/>
    </xf>
    <xf numFmtId="0" fontId="4" fillId="0" borderId="1" xfId="4" applyFont="1" applyBorder="1" applyAlignment="1">
      <alignment horizontal="left" vertical="top" wrapText="1"/>
    </xf>
    <xf numFmtId="0" fontId="4" fillId="0" borderId="5" xfId="4" applyFont="1" applyBorder="1" applyAlignment="1">
      <alignment horizontal="left" vertical="top" wrapText="1"/>
    </xf>
    <xf numFmtId="0" fontId="4" fillId="0" borderId="3" xfId="4" applyFont="1" applyBorder="1" applyAlignment="1">
      <alignment horizontal="left" vertical="top" wrapText="1"/>
    </xf>
    <xf numFmtId="0" fontId="4" fillId="0" borderId="2" xfId="4" applyFont="1" applyBorder="1" applyAlignment="1">
      <alignment horizontal="left" vertical="top" wrapText="1"/>
    </xf>
    <xf numFmtId="0" fontId="4" fillId="0" borderId="15" xfId="4" applyFont="1" applyBorder="1" applyAlignment="1">
      <alignment horizontal="left" vertical="top" wrapText="1"/>
    </xf>
    <xf numFmtId="0" fontId="4" fillId="0" borderId="14" xfId="4" applyFont="1" applyBorder="1" applyAlignment="1">
      <alignment horizontal="left" vertical="top" wrapText="1"/>
    </xf>
    <xf numFmtId="0" fontId="4" fillId="0" borderId="13" xfId="4" applyFont="1" applyBorder="1" applyAlignment="1">
      <alignment horizontal="left" vertical="top" wrapText="1"/>
    </xf>
    <xf numFmtId="0" fontId="4" fillId="0" borderId="15" xfId="4" applyFont="1" applyBorder="1" applyAlignment="1">
      <alignment horizontal="left" vertical="center"/>
    </xf>
    <xf numFmtId="0" fontId="4" fillId="0" borderId="14" xfId="4" applyFont="1" applyBorder="1" applyAlignment="1">
      <alignment horizontal="left" vertical="center"/>
    </xf>
    <xf numFmtId="0" fontId="4" fillId="0" borderId="13" xfId="4" applyFont="1" applyBorder="1" applyAlignment="1">
      <alignment horizontal="left" vertical="center"/>
    </xf>
    <xf numFmtId="0" fontId="4" fillId="0" borderId="9" xfId="4" applyFont="1" applyBorder="1" applyAlignment="1">
      <alignment horizontal="left" vertical="center"/>
    </xf>
    <xf numFmtId="0" fontId="4" fillId="0" borderId="0" xfId="4" applyFont="1" applyAlignment="1">
      <alignment horizontal="left" vertical="center"/>
    </xf>
    <xf numFmtId="0" fontId="4" fillId="0" borderId="1" xfId="4" applyFont="1" applyBorder="1" applyAlignment="1">
      <alignment horizontal="left" vertical="center"/>
    </xf>
    <xf numFmtId="0" fontId="4" fillId="0" borderId="35" xfId="4" applyFont="1" applyBorder="1" applyAlignment="1">
      <alignment horizontal="left" vertical="center"/>
    </xf>
    <xf numFmtId="0" fontId="4" fillId="0" borderId="34" xfId="4" applyFont="1" applyBorder="1" applyAlignment="1">
      <alignment horizontal="left" vertical="center"/>
    </xf>
    <xf numFmtId="0" fontId="4" fillId="0" borderId="33" xfId="4" applyFont="1" applyBorder="1" applyAlignment="1">
      <alignment horizontal="left" vertical="center"/>
    </xf>
    <xf numFmtId="0" fontId="4" fillId="0" borderId="32" xfId="4" applyFont="1" applyBorder="1" applyAlignment="1">
      <alignment horizontal="left" vertical="top" wrapText="1"/>
    </xf>
    <xf numFmtId="0" fontId="4" fillId="0" borderId="31" xfId="4" applyFont="1" applyBorder="1" applyAlignment="1">
      <alignment horizontal="left" vertical="top" wrapText="1"/>
    </xf>
    <xf numFmtId="0" fontId="4" fillId="0" borderId="30" xfId="4" applyFont="1" applyBorder="1" applyAlignment="1">
      <alignment horizontal="left" vertical="top" wrapText="1"/>
    </xf>
    <xf numFmtId="0" fontId="4" fillId="0" borderId="20" xfId="4" applyFont="1" applyBorder="1" applyAlignment="1">
      <alignment horizontal="left" vertical="center"/>
    </xf>
    <xf numFmtId="0" fontId="4" fillId="0" borderId="19" xfId="4" applyFont="1" applyBorder="1" applyAlignment="1">
      <alignment horizontal="left" vertical="center"/>
    </xf>
    <xf numFmtId="0" fontId="4" fillId="0" borderId="29" xfId="4" applyFont="1" applyBorder="1" applyAlignment="1">
      <alignment horizontal="left" vertical="center"/>
    </xf>
    <xf numFmtId="0" fontId="4" fillId="0" borderId="28" xfId="4" applyFont="1" applyBorder="1" applyAlignment="1">
      <alignment horizontal="center" vertical="top"/>
    </xf>
  </cellXfs>
  <cellStyles count="5">
    <cellStyle name="標準" xfId="0" builtinId="0"/>
    <cellStyle name="標準 2" xfId="1"/>
    <cellStyle name="標準 3" xfId="2"/>
    <cellStyle name="標準 4" xfId="3"/>
    <cellStyle name="標準 5" xfId="4"/>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3.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externalLink" Target="externalLinks/externalLink2.xml"/><Relationship Id="rId4" Type="http://schemas.openxmlformats.org/officeDocument/2006/relationships/worksheet" Target="worksheets/sheet4.xml"/><Relationship Id="rId9" Type="http://schemas.openxmlformats.org/officeDocument/2006/relationships/externalLink" Target="externalLinks/externalLink1.xml"/><Relationship Id="rId14"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pageSetUpPr fitToPage="1"/>
  </sheetPr>
  <dimension ref="A1:C20"/>
  <sheetViews>
    <sheetView tabSelected="1" view="pageBreakPreview" zoomScaleNormal="100" zoomScaleSheetLayoutView="100" workbookViewId="0">
      <selection activeCell="B10" sqref="B10:B12"/>
    </sheetView>
  </sheetViews>
  <sheetFormatPr defaultRowHeight="13.5" x14ac:dyDescent="0.15"/>
  <cols>
    <col min="1" max="1" width="29.75" style="17" customWidth="1"/>
    <col min="2" max="2" width="68.625" style="14" customWidth="1"/>
    <col min="3" max="3" width="16.625" style="14" customWidth="1"/>
    <col min="4" max="256" width="9" style="14"/>
    <col min="257" max="257" width="29.75" style="14" customWidth="1"/>
    <col min="258" max="258" width="68.625" style="14" customWidth="1"/>
    <col min="259" max="259" width="16.625" style="14" customWidth="1"/>
    <col min="260" max="512" width="9" style="14"/>
    <col min="513" max="513" width="29.75" style="14" customWidth="1"/>
    <col min="514" max="514" width="68.625" style="14" customWidth="1"/>
    <col min="515" max="515" width="16.625" style="14" customWidth="1"/>
    <col min="516" max="768" width="9" style="14"/>
    <col min="769" max="769" width="29.75" style="14" customWidth="1"/>
    <col min="770" max="770" width="68.625" style="14" customWidth="1"/>
    <col min="771" max="771" width="16.625" style="14" customWidth="1"/>
    <col min="772" max="1024" width="9" style="14"/>
    <col min="1025" max="1025" width="29.75" style="14" customWidth="1"/>
    <col min="1026" max="1026" width="68.625" style="14" customWidth="1"/>
    <col min="1027" max="1027" width="16.625" style="14" customWidth="1"/>
    <col min="1028" max="1280" width="9" style="14"/>
    <col min="1281" max="1281" width="29.75" style="14" customWidth="1"/>
    <col min="1282" max="1282" width="68.625" style="14" customWidth="1"/>
    <col min="1283" max="1283" width="16.625" style="14" customWidth="1"/>
    <col min="1284" max="1536" width="9" style="14"/>
    <col min="1537" max="1537" width="29.75" style="14" customWidth="1"/>
    <col min="1538" max="1538" width="68.625" style="14" customWidth="1"/>
    <col min="1539" max="1539" width="16.625" style="14" customWidth="1"/>
    <col min="1540" max="1792" width="9" style="14"/>
    <col min="1793" max="1793" width="29.75" style="14" customWidth="1"/>
    <col min="1794" max="1794" width="68.625" style="14" customWidth="1"/>
    <col min="1795" max="1795" width="16.625" style="14" customWidth="1"/>
    <col min="1796" max="2048" width="9" style="14"/>
    <col min="2049" max="2049" width="29.75" style="14" customWidth="1"/>
    <col min="2050" max="2050" width="68.625" style="14" customWidth="1"/>
    <col min="2051" max="2051" width="16.625" style="14" customWidth="1"/>
    <col min="2052" max="2304" width="9" style="14"/>
    <col min="2305" max="2305" width="29.75" style="14" customWidth="1"/>
    <col min="2306" max="2306" width="68.625" style="14" customWidth="1"/>
    <col min="2307" max="2307" width="16.625" style="14" customWidth="1"/>
    <col min="2308" max="2560" width="9" style="14"/>
    <col min="2561" max="2561" width="29.75" style="14" customWidth="1"/>
    <col min="2562" max="2562" width="68.625" style="14" customWidth="1"/>
    <col min="2563" max="2563" width="16.625" style="14" customWidth="1"/>
    <col min="2564" max="2816" width="9" style="14"/>
    <col min="2817" max="2817" width="29.75" style="14" customWidth="1"/>
    <col min="2818" max="2818" width="68.625" style="14" customWidth="1"/>
    <col min="2819" max="2819" width="16.625" style="14" customWidth="1"/>
    <col min="2820" max="3072" width="9" style="14"/>
    <col min="3073" max="3073" width="29.75" style="14" customWidth="1"/>
    <col min="3074" max="3074" width="68.625" style="14" customWidth="1"/>
    <col min="3075" max="3075" width="16.625" style="14" customWidth="1"/>
    <col min="3076" max="3328" width="9" style="14"/>
    <col min="3329" max="3329" width="29.75" style="14" customWidth="1"/>
    <col min="3330" max="3330" width="68.625" style="14" customWidth="1"/>
    <col min="3331" max="3331" width="16.625" style="14" customWidth="1"/>
    <col min="3332" max="3584" width="9" style="14"/>
    <col min="3585" max="3585" width="29.75" style="14" customWidth="1"/>
    <col min="3586" max="3586" width="68.625" style="14" customWidth="1"/>
    <col min="3587" max="3587" width="16.625" style="14" customWidth="1"/>
    <col min="3588" max="3840" width="9" style="14"/>
    <col min="3841" max="3841" width="29.75" style="14" customWidth="1"/>
    <col min="3842" max="3842" width="68.625" style="14" customWidth="1"/>
    <col min="3843" max="3843" width="16.625" style="14" customWidth="1"/>
    <col min="3844" max="4096" width="9" style="14"/>
    <col min="4097" max="4097" width="29.75" style="14" customWidth="1"/>
    <col min="4098" max="4098" width="68.625" style="14" customWidth="1"/>
    <col min="4099" max="4099" width="16.625" style="14" customWidth="1"/>
    <col min="4100" max="4352" width="9" style="14"/>
    <col min="4353" max="4353" width="29.75" style="14" customWidth="1"/>
    <col min="4354" max="4354" width="68.625" style="14" customWidth="1"/>
    <col min="4355" max="4355" width="16.625" style="14" customWidth="1"/>
    <col min="4356" max="4608" width="9" style="14"/>
    <col min="4609" max="4609" width="29.75" style="14" customWidth="1"/>
    <col min="4610" max="4610" width="68.625" style="14" customWidth="1"/>
    <col min="4611" max="4611" width="16.625" style="14" customWidth="1"/>
    <col min="4612" max="4864" width="9" style="14"/>
    <col min="4865" max="4865" width="29.75" style="14" customWidth="1"/>
    <col min="4866" max="4866" width="68.625" style="14" customWidth="1"/>
    <col min="4867" max="4867" width="16.625" style="14" customWidth="1"/>
    <col min="4868" max="5120" width="9" style="14"/>
    <col min="5121" max="5121" width="29.75" style="14" customWidth="1"/>
    <col min="5122" max="5122" width="68.625" style="14" customWidth="1"/>
    <col min="5123" max="5123" width="16.625" style="14" customWidth="1"/>
    <col min="5124" max="5376" width="9" style="14"/>
    <col min="5377" max="5377" width="29.75" style="14" customWidth="1"/>
    <col min="5378" max="5378" width="68.625" style="14" customWidth="1"/>
    <col min="5379" max="5379" width="16.625" style="14" customWidth="1"/>
    <col min="5380" max="5632" width="9" style="14"/>
    <col min="5633" max="5633" width="29.75" style="14" customWidth="1"/>
    <col min="5634" max="5634" width="68.625" style="14" customWidth="1"/>
    <col min="5635" max="5635" width="16.625" style="14" customWidth="1"/>
    <col min="5636" max="5888" width="9" style="14"/>
    <col min="5889" max="5889" width="29.75" style="14" customWidth="1"/>
    <col min="5890" max="5890" width="68.625" style="14" customWidth="1"/>
    <col min="5891" max="5891" width="16.625" style="14" customWidth="1"/>
    <col min="5892" max="6144" width="9" style="14"/>
    <col min="6145" max="6145" width="29.75" style="14" customWidth="1"/>
    <col min="6146" max="6146" width="68.625" style="14" customWidth="1"/>
    <col min="6147" max="6147" width="16.625" style="14" customWidth="1"/>
    <col min="6148" max="6400" width="9" style="14"/>
    <col min="6401" max="6401" width="29.75" style="14" customWidth="1"/>
    <col min="6402" max="6402" width="68.625" style="14" customWidth="1"/>
    <col min="6403" max="6403" width="16.625" style="14" customWidth="1"/>
    <col min="6404" max="6656" width="9" style="14"/>
    <col min="6657" max="6657" width="29.75" style="14" customWidth="1"/>
    <col min="6658" max="6658" width="68.625" style="14" customWidth="1"/>
    <col min="6659" max="6659" width="16.625" style="14" customWidth="1"/>
    <col min="6660" max="6912" width="9" style="14"/>
    <col min="6913" max="6913" width="29.75" style="14" customWidth="1"/>
    <col min="6914" max="6914" width="68.625" style="14" customWidth="1"/>
    <col min="6915" max="6915" width="16.625" style="14" customWidth="1"/>
    <col min="6916" max="7168" width="9" style="14"/>
    <col min="7169" max="7169" width="29.75" style="14" customWidth="1"/>
    <col min="7170" max="7170" width="68.625" style="14" customWidth="1"/>
    <col min="7171" max="7171" width="16.625" style="14" customWidth="1"/>
    <col min="7172" max="7424" width="9" style="14"/>
    <col min="7425" max="7425" width="29.75" style="14" customWidth="1"/>
    <col min="7426" max="7426" width="68.625" style="14" customWidth="1"/>
    <col min="7427" max="7427" width="16.625" style="14" customWidth="1"/>
    <col min="7428" max="7680" width="9" style="14"/>
    <col min="7681" max="7681" width="29.75" style="14" customWidth="1"/>
    <col min="7682" max="7682" width="68.625" style="14" customWidth="1"/>
    <col min="7683" max="7683" width="16.625" style="14" customWidth="1"/>
    <col min="7684" max="7936" width="9" style="14"/>
    <col min="7937" max="7937" width="29.75" style="14" customWidth="1"/>
    <col min="7938" max="7938" width="68.625" style="14" customWidth="1"/>
    <col min="7939" max="7939" width="16.625" style="14" customWidth="1"/>
    <col min="7940" max="8192" width="9" style="14"/>
    <col min="8193" max="8193" width="29.75" style="14" customWidth="1"/>
    <col min="8194" max="8194" width="68.625" style="14" customWidth="1"/>
    <col min="8195" max="8195" width="16.625" style="14" customWidth="1"/>
    <col min="8196" max="8448" width="9" style="14"/>
    <col min="8449" max="8449" width="29.75" style="14" customWidth="1"/>
    <col min="8450" max="8450" width="68.625" style="14" customWidth="1"/>
    <col min="8451" max="8451" width="16.625" style="14" customWidth="1"/>
    <col min="8452" max="8704" width="9" style="14"/>
    <col min="8705" max="8705" width="29.75" style="14" customWidth="1"/>
    <col min="8706" max="8706" width="68.625" style="14" customWidth="1"/>
    <col min="8707" max="8707" width="16.625" style="14" customWidth="1"/>
    <col min="8708" max="8960" width="9" style="14"/>
    <col min="8961" max="8961" width="29.75" style="14" customWidth="1"/>
    <col min="8962" max="8962" width="68.625" style="14" customWidth="1"/>
    <col min="8963" max="8963" width="16.625" style="14" customWidth="1"/>
    <col min="8964" max="9216" width="9" style="14"/>
    <col min="9217" max="9217" width="29.75" style="14" customWidth="1"/>
    <col min="9218" max="9218" width="68.625" style="14" customWidth="1"/>
    <col min="9219" max="9219" width="16.625" style="14" customWidth="1"/>
    <col min="9220" max="9472" width="9" style="14"/>
    <col min="9473" max="9473" width="29.75" style="14" customWidth="1"/>
    <col min="9474" max="9474" width="68.625" style="14" customWidth="1"/>
    <col min="9475" max="9475" width="16.625" style="14" customWidth="1"/>
    <col min="9476" max="9728" width="9" style="14"/>
    <col min="9729" max="9729" width="29.75" style="14" customWidth="1"/>
    <col min="9730" max="9730" width="68.625" style="14" customWidth="1"/>
    <col min="9731" max="9731" width="16.625" style="14" customWidth="1"/>
    <col min="9732" max="9984" width="9" style="14"/>
    <col min="9985" max="9985" width="29.75" style="14" customWidth="1"/>
    <col min="9986" max="9986" width="68.625" style="14" customWidth="1"/>
    <col min="9987" max="9987" width="16.625" style="14" customWidth="1"/>
    <col min="9988" max="10240" width="9" style="14"/>
    <col min="10241" max="10241" width="29.75" style="14" customWidth="1"/>
    <col min="10242" max="10242" width="68.625" style="14" customWidth="1"/>
    <col min="10243" max="10243" width="16.625" style="14" customWidth="1"/>
    <col min="10244" max="10496" width="9" style="14"/>
    <col min="10497" max="10497" width="29.75" style="14" customWidth="1"/>
    <col min="10498" max="10498" width="68.625" style="14" customWidth="1"/>
    <col min="10499" max="10499" width="16.625" style="14" customWidth="1"/>
    <col min="10500" max="10752" width="9" style="14"/>
    <col min="10753" max="10753" width="29.75" style="14" customWidth="1"/>
    <col min="10754" max="10754" width="68.625" style="14" customWidth="1"/>
    <col min="10755" max="10755" width="16.625" style="14" customWidth="1"/>
    <col min="10756" max="11008" width="9" style="14"/>
    <col min="11009" max="11009" width="29.75" style="14" customWidth="1"/>
    <col min="11010" max="11010" width="68.625" style="14" customWidth="1"/>
    <col min="11011" max="11011" width="16.625" style="14" customWidth="1"/>
    <col min="11012" max="11264" width="9" style="14"/>
    <col min="11265" max="11265" width="29.75" style="14" customWidth="1"/>
    <col min="11266" max="11266" width="68.625" style="14" customWidth="1"/>
    <col min="11267" max="11267" width="16.625" style="14" customWidth="1"/>
    <col min="11268" max="11520" width="9" style="14"/>
    <col min="11521" max="11521" width="29.75" style="14" customWidth="1"/>
    <col min="11522" max="11522" width="68.625" style="14" customWidth="1"/>
    <col min="11523" max="11523" width="16.625" style="14" customWidth="1"/>
    <col min="11524" max="11776" width="9" style="14"/>
    <col min="11777" max="11777" width="29.75" style="14" customWidth="1"/>
    <col min="11778" max="11778" width="68.625" style="14" customWidth="1"/>
    <col min="11779" max="11779" width="16.625" style="14" customWidth="1"/>
    <col min="11780" max="12032" width="9" style="14"/>
    <col min="12033" max="12033" width="29.75" style="14" customWidth="1"/>
    <col min="12034" max="12034" width="68.625" style="14" customWidth="1"/>
    <col min="12035" max="12035" width="16.625" style="14" customWidth="1"/>
    <col min="12036" max="12288" width="9" style="14"/>
    <col min="12289" max="12289" width="29.75" style="14" customWidth="1"/>
    <col min="12290" max="12290" width="68.625" style="14" customWidth="1"/>
    <col min="12291" max="12291" width="16.625" style="14" customWidth="1"/>
    <col min="12292" max="12544" width="9" style="14"/>
    <col min="12545" max="12545" width="29.75" style="14" customWidth="1"/>
    <col min="12546" max="12546" width="68.625" style="14" customWidth="1"/>
    <col min="12547" max="12547" width="16.625" style="14" customWidth="1"/>
    <col min="12548" max="12800" width="9" style="14"/>
    <col min="12801" max="12801" width="29.75" style="14" customWidth="1"/>
    <col min="12802" max="12802" width="68.625" style="14" customWidth="1"/>
    <col min="12803" max="12803" width="16.625" style="14" customWidth="1"/>
    <col min="12804" max="13056" width="9" style="14"/>
    <col min="13057" max="13057" width="29.75" style="14" customWidth="1"/>
    <col min="13058" max="13058" width="68.625" style="14" customWidth="1"/>
    <col min="13059" max="13059" width="16.625" style="14" customWidth="1"/>
    <col min="13060" max="13312" width="9" style="14"/>
    <col min="13313" max="13313" width="29.75" style="14" customWidth="1"/>
    <col min="13314" max="13314" width="68.625" style="14" customWidth="1"/>
    <col min="13315" max="13315" width="16.625" style="14" customWidth="1"/>
    <col min="13316" max="13568" width="9" style="14"/>
    <col min="13569" max="13569" width="29.75" style="14" customWidth="1"/>
    <col min="13570" max="13570" width="68.625" style="14" customWidth="1"/>
    <col min="13571" max="13571" width="16.625" style="14" customWidth="1"/>
    <col min="13572" max="13824" width="9" style="14"/>
    <col min="13825" max="13825" width="29.75" style="14" customWidth="1"/>
    <col min="13826" max="13826" width="68.625" style="14" customWidth="1"/>
    <col min="13827" max="13827" width="16.625" style="14" customWidth="1"/>
    <col min="13828" max="14080" width="9" style="14"/>
    <col min="14081" max="14081" width="29.75" style="14" customWidth="1"/>
    <col min="14082" max="14082" width="68.625" style="14" customWidth="1"/>
    <col min="14083" max="14083" width="16.625" style="14" customWidth="1"/>
    <col min="14084" max="14336" width="9" style="14"/>
    <col min="14337" max="14337" width="29.75" style="14" customWidth="1"/>
    <col min="14338" max="14338" width="68.625" style="14" customWidth="1"/>
    <col min="14339" max="14339" width="16.625" style="14" customWidth="1"/>
    <col min="14340" max="14592" width="9" style="14"/>
    <col min="14593" max="14593" width="29.75" style="14" customWidth="1"/>
    <col min="14594" max="14594" width="68.625" style="14" customWidth="1"/>
    <col min="14595" max="14595" width="16.625" style="14" customWidth="1"/>
    <col min="14596" max="14848" width="9" style="14"/>
    <col min="14849" max="14849" width="29.75" style="14" customWidth="1"/>
    <col min="14850" max="14850" width="68.625" style="14" customWidth="1"/>
    <col min="14851" max="14851" width="16.625" style="14" customWidth="1"/>
    <col min="14852" max="15104" width="9" style="14"/>
    <col min="15105" max="15105" width="29.75" style="14" customWidth="1"/>
    <col min="15106" max="15106" width="68.625" style="14" customWidth="1"/>
    <col min="15107" max="15107" width="16.625" style="14" customWidth="1"/>
    <col min="15108" max="15360" width="9" style="14"/>
    <col min="15361" max="15361" width="29.75" style="14" customWidth="1"/>
    <col min="15362" max="15362" width="68.625" style="14" customWidth="1"/>
    <col min="15363" max="15363" width="16.625" style="14" customWidth="1"/>
    <col min="15364" max="15616" width="9" style="14"/>
    <col min="15617" max="15617" width="29.75" style="14" customWidth="1"/>
    <col min="15618" max="15618" width="68.625" style="14" customWidth="1"/>
    <col min="15619" max="15619" width="16.625" style="14" customWidth="1"/>
    <col min="15620" max="15872" width="9" style="14"/>
    <col min="15873" max="15873" width="29.75" style="14" customWidth="1"/>
    <col min="15874" max="15874" width="68.625" style="14" customWidth="1"/>
    <col min="15875" max="15875" width="16.625" style="14" customWidth="1"/>
    <col min="15876" max="16128" width="9" style="14"/>
    <col min="16129" max="16129" width="29.75" style="14" customWidth="1"/>
    <col min="16130" max="16130" width="68.625" style="14" customWidth="1"/>
    <col min="16131" max="16131" width="16.625" style="14" customWidth="1"/>
    <col min="16132" max="16384" width="9" style="14"/>
  </cols>
  <sheetData>
    <row r="1" spans="1:3" ht="14.25" x14ac:dyDescent="0.15">
      <c r="A1" s="198" t="s">
        <v>186</v>
      </c>
      <c r="B1" s="198"/>
      <c r="C1" s="198"/>
    </row>
    <row r="2" spans="1:3" ht="54.6" customHeight="1" x14ac:dyDescent="0.15">
      <c r="A2" s="199" t="s">
        <v>91</v>
      </c>
      <c r="B2" s="199"/>
      <c r="C2" s="199"/>
    </row>
    <row r="3" spans="1:3" ht="22.5" customHeight="1" thickBot="1" x14ac:dyDescent="0.2">
      <c r="A3" s="18" t="s">
        <v>11</v>
      </c>
      <c r="B3" s="18" t="s">
        <v>12</v>
      </c>
      <c r="C3" s="18" t="s">
        <v>13</v>
      </c>
    </row>
    <row r="4" spans="1:3" ht="41.25" thickTop="1" x14ac:dyDescent="0.15">
      <c r="A4" s="19" t="s">
        <v>92</v>
      </c>
      <c r="B4" s="15" t="s">
        <v>93</v>
      </c>
      <c r="C4" s="15" t="s">
        <v>94</v>
      </c>
    </row>
    <row r="5" spans="1:3" ht="20.25" customHeight="1" x14ac:dyDescent="0.15">
      <c r="A5" s="20" t="s">
        <v>95</v>
      </c>
      <c r="B5" s="16" t="s">
        <v>96</v>
      </c>
      <c r="C5" s="16"/>
    </row>
    <row r="6" spans="1:3" ht="18.75" customHeight="1" x14ac:dyDescent="0.15">
      <c r="A6" s="21" t="s">
        <v>14</v>
      </c>
      <c r="B6" s="16" t="s">
        <v>272</v>
      </c>
      <c r="C6" s="16"/>
    </row>
    <row r="7" spans="1:3" ht="23.25" customHeight="1" x14ac:dyDescent="0.15">
      <c r="A7" s="20" t="s">
        <v>267</v>
      </c>
      <c r="B7" s="16" t="s">
        <v>96</v>
      </c>
      <c r="C7" s="16"/>
    </row>
    <row r="8" spans="1:3" ht="35.25" customHeight="1" x14ac:dyDescent="0.15">
      <c r="A8" s="20" t="s">
        <v>97</v>
      </c>
      <c r="B8" s="16" t="s">
        <v>96</v>
      </c>
      <c r="C8" s="16"/>
    </row>
    <row r="9" spans="1:3" ht="30.75" customHeight="1" x14ac:dyDescent="0.15">
      <c r="A9" s="20" t="s">
        <v>268</v>
      </c>
      <c r="B9" s="16" t="s">
        <v>96</v>
      </c>
      <c r="C9" s="16"/>
    </row>
    <row r="10" spans="1:3" ht="60.75" customHeight="1" x14ac:dyDescent="0.15">
      <c r="A10" s="20" t="s">
        <v>275</v>
      </c>
      <c r="B10" s="200" t="s">
        <v>273</v>
      </c>
      <c r="C10" s="16"/>
    </row>
    <row r="11" spans="1:3" ht="58.5" customHeight="1" x14ac:dyDescent="0.15">
      <c r="A11" s="20" t="s">
        <v>269</v>
      </c>
      <c r="B11" s="201"/>
      <c r="C11" s="83"/>
    </row>
    <row r="12" spans="1:3" ht="62.25" customHeight="1" x14ac:dyDescent="0.15">
      <c r="A12" s="20" t="s">
        <v>270</v>
      </c>
      <c r="B12" s="202"/>
      <c r="C12" s="83"/>
    </row>
    <row r="13" spans="1:3" ht="45.75" customHeight="1" x14ac:dyDescent="0.15">
      <c r="A13" s="20" t="s">
        <v>129</v>
      </c>
      <c r="B13" s="145" t="s">
        <v>274</v>
      </c>
      <c r="C13" s="83"/>
    </row>
    <row r="14" spans="1:3" ht="72.75" customHeight="1" x14ac:dyDescent="0.15">
      <c r="A14" s="20" t="s">
        <v>340</v>
      </c>
      <c r="B14" s="145" t="s">
        <v>342</v>
      </c>
      <c r="C14" s="83"/>
    </row>
    <row r="15" spans="1:3" ht="50.25" customHeight="1" x14ac:dyDescent="0.15">
      <c r="A15" s="20" t="s">
        <v>341</v>
      </c>
      <c r="B15" s="145" t="s">
        <v>343</v>
      </c>
      <c r="C15" s="83"/>
    </row>
    <row r="16" spans="1:3" ht="21.75" customHeight="1" x14ac:dyDescent="0.15">
      <c r="A16" s="20" t="s">
        <v>271</v>
      </c>
      <c r="B16" s="145" t="s">
        <v>373</v>
      </c>
      <c r="C16" s="83"/>
    </row>
    <row r="17" spans="1:3" ht="132" customHeight="1" x14ac:dyDescent="0.15">
      <c r="A17" s="20" t="s">
        <v>130</v>
      </c>
      <c r="B17" s="83" t="s">
        <v>430</v>
      </c>
      <c r="C17" s="83"/>
    </row>
    <row r="18" spans="1:3" ht="54.75" customHeight="1" x14ac:dyDescent="0.15">
      <c r="A18" s="20" t="s">
        <v>131</v>
      </c>
      <c r="B18" s="83" t="s">
        <v>133</v>
      </c>
      <c r="C18" s="83"/>
    </row>
    <row r="19" spans="1:3" ht="99" customHeight="1" x14ac:dyDescent="0.15">
      <c r="A19" s="20" t="s">
        <v>132</v>
      </c>
      <c r="B19" s="83" t="s">
        <v>431</v>
      </c>
      <c r="C19" s="83"/>
    </row>
    <row r="20" spans="1:3" ht="34.5" customHeight="1" x14ac:dyDescent="0.15">
      <c r="A20" s="20" t="s">
        <v>98</v>
      </c>
      <c r="B20" s="83" t="s">
        <v>134</v>
      </c>
      <c r="C20" s="83"/>
    </row>
  </sheetData>
  <mergeCells count="3">
    <mergeCell ref="A1:C1"/>
    <mergeCell ref="A2:C2"/>
    <mergeCell ref="B10:B12"/>
  </mergeCells>
  <phoneticPr fontId="3"/>
  <printOptions horizontalCentered="1"/>
  <pageMargins left="0.39370078740157483" right="0.39370078740157483" top="0.39370078740157483" bottom="0.19685039370078741" header="0.51181102362204722" footer="0.11811023622047245"/>
  <pageSetup paperSize="9" scale="84" orientation="portrait" r:id="rId1"/>
  <headerFooter alignWithMargins="0">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G123"/>
  <sheetViews>
    <sheetView view="pageBreakPreview" zoomScale="80" zoomScaleNormal="100" zoomScaleSheetLayoutView="80" workbookViewId="0">
      <selection activeCell="O20" sqref="O20:AF20"/>
    </sheetView>
  </sheetViews>
  <sheetFormatPr defaultColWidth="4" defaultRowHeight="17.25" x14ac:dyDescent="0.15"/>
  <cols>
    <col min="1" max="1" width="1.5" style="105" customWidth="1"/>
    <col min="2" max="12" width="3.25" style="105" customWidth="1"/>
    <col min="13" max="13" width="13" style="105" customWidth="1"/>
    <col min="14" max="14" width="4.125" style="105" bestFit="1" customWidth="1"/>
    <col min="15" max="32" width="3.25" style="105" customWidth="1"/>
    <col min="33" max="33" width="1.5" style="105" customWidth="1"/>
    <col min="34" max="36" width="3.25" style="105" customWidth="1"/>
    <col min="37" max="256" width="4" style="105"/>
    <col min="257" max="257" width="1.5" style="105" customWidth="1"/>
    <col min="258" max="268" width="3.25" style="105" customWidth="1"/>
    <col min="269" max="269" width="13" style="105" customWidth="1"/>
    <col min="270" max="270" width="4.125" style="105" bestFit="1" customWidth="1"/>
    <col min="271" max="288" width="3.25" style="105" customWidth="1"/>
    <col min="289" max="289" width="1.5" style="105" customWidth="1"/>
    <col min="290" max="292" width="3.25" style="105" customWidth="1"/>
    <col min="293" max="512" width="4" style="105"/>
    <col min="513" max="513" width="1.5" style="105" customWidth="1"/>
    <col min="514" max="524" width="3.25" style="105" customWidth="1"/>
    <col min="525" max="525" width="13" style="105" customWidth="1"/>
    <col min="526" max="526" width="4.125" style="105" bestFit="1" customWidth="1"/>
    <col min="527" max="544" width="3.25" style="105" customWidth="1"/>
    <col min="545" max="545" width="1.5" style="105" customWidth="1"/>
    <col min="546" max="548" width="3.25" style="105" customWidth="1"/>
    <col min="549" max="768" width="4" style="105"/>
    <col min="769" max="769" width="1.5" style="105" customWidth="1"/>
    <col min="770" max="780" width="3.25" style="105" customWidth="1"/>
    <col min="781" max="781" width="13" style="105" customWidth="1"/>
    <col min="782" max="782" width="4.125" style="105" bestFit="1" customWidth="1"/>
    <col min="783" max="800" width="3.25" style="105" customWidth="1"/>
    <col min="801" max="801" width="1.5" style="105" customWidth="1"/>
    <col min="802" max="804" width="3.25" style="105" customWidth="1"/>
    <col min="805" max="1024" width="4" style="105"/>
    <col min="1025" max="1025" width="1.5" style="105" customWidth="1"/>
    <col min="1026" max="1036" width="3.25" style="105" customWidth="1"/>
    <col min="1037" max="1037" width="13" style="105" customWidth="1"/>
    <col min="1038" max="1038" width="4.125" style="105" bestFit="1" customWidth="1"/>
    <col min="1039" max="1056" width="3.25" style="105" customWidth="1"/>
    <col min="1057" max="1057" width="1.5" style="105" customWidth="1"/>
    <col min="1058" max="1060" width="3.25" style="105" customWidth="1"/>
    <col min="1061" max="1280" width="4" style="105"/>
    <col min="1281" max="1281" width="1.5" style="105" customWidth="1"/>
    <col min="1282" max="1292" width="3.25" style="105" customWidth="1"/>
    <col min="1293" max="1293" width="13" style="105" customWidth="1"/>
    <col min="1294" max="1294" width="4.125" style="105" bestFit="1" customWidth="1"/>
    <col min="1295" max="1312" width="3.25" style="105" customWidth="1"/>
    <col min="1313" max="1313" width="1.5" style="105" customWidth="1"/>
    <col min="1314" max="1316" width="3.25" style="105" customWidth="1"/>
    <col min="1317" max="1536" width="4" style="105"/>
    <col min="1537" max="1537" width="1.5" style="105" customWidth="1"/>
    <col min="1538" max="1548" width="3.25" style="105" customWidth="1"/>
    <col min="1549" max="1549" width="13" style="105" customWidth="1"/>
    <col min="1550" max="1550" width="4.125" style="105" bestFit="1" customWidth="1"/>
    <col min="1551" max="1568" width="3.25" style="105" customWidth="1"/>
    <col min="1569" max="1569" width="1.5" style="105" customWidth="1"/>
    <col min="1570" max="1572" width="3.25" style="105" customWidth="1"/>
    <col min="1573" max="1792" width="4" style="105"/>
    <col min="1793" max="1793" width="1.5" style="105" customWidth="1"/>
    <col min="1794" max="1804" width="3.25" style="105" customWidth="1"/>
    <col min="1805" max="1805" width="13" style="105" customWidth="1"/>
    <col min="1806" max="1806" width="4.125" style="105" bestFit="1" customWidth="1"/>
    <col min="1807" max="1824" width="3.25" style="105" customWidth="1"/>
    <col min="1825" max="1825" width="1.5" style="105" customWidth="1"/>
    <col min="1826" max="1828" width="3.25" style="105" customWidth="1"/>
    <col min="1829" max="2048" width="4" style="105"/>
    <col min="2049" max="2049" width="1.5" style="105" customWidth="1"/>
    <col min="2050" max="2060" width="3.25" style="105" customWidth="1"/>
    <col min="2061" max="2061" width="13" style="105" customWidth="1"/>
    <col min="2062" max="2062" width="4.125" style="105" bestFit="1" customWidth="1"/>
    <col min="2063" max="2080" width="3.25" style="105" customWidth="1"/>
    <col min="2081" max="2081" width="1.5" style="105" customWidth="1"/>
    <col min="2082" max="2084" width="3.25" style="105" customWidth="1"/>
    <col min="2085" max="2304" width="4" style="105"/>
    <col min="2305" max="2305" width="1.5" style="105" customWidth="1"/>
    <col min="2306" max="2316" width="3.25" style="105" customWidth="1"/>
    <col min="2317" max="2317" width="13" style="105" customWidth="1"/>
    <col min="2318" max="2318" width="4.125" style="105" bestFit="1" customWidth="1"/>
    <col min="2319" max="2336" width="3.25" style="105" customWidth="1"/>
    <col min="2337" max="2337" width="1.5" style="105" customWidth="1"/>
    <col min="2338" max="2340" width="3.25" style="105" customWidth="1"/>
    <col min="2341" max="2560" width="4" style="105"/>
    <col min="2561" max="2561" width="1.5" style="105" customWidth="1"/>
    <col min="2562" max="2572" width="3.25" style="105" customWidth="1"/>
    <col min="2573" max="2573" width="13" style="105" customWidth="1"/>
    <col min="2574" max="2574" width="4.125" style="105" bestFit="1" customWidth="1"/>
    <col min="2575" max="2592" width="3.25" style="105" customWidth="1"/>
    <col min="2593" max="2593" width="1.5" style="105" customWidth="1"/>
    <col min="2594" max="2596" width="3.25" style="105" customWidth="1"/>
    <col min="2597" max="2816" width="4" style="105"/>
    <col min="2817" max="2817" width="1.5" style="105" customWidth="1"/>
    <col min="2818" max="2828" width="3.25" style="105" customWidth="1"/>
    <col min="2829" max="2829" width="13" style="105" customWidth="1"/>
    <col min="2830" max="2830" width="4.125" style="105" bestFit="1" customWidth="1"/>
    <col min="2831" max="2848" width="3.25" style="105" customWidth="1"/>
    <col min="2849" max="2849" width="1.5" style="105" customWidth="1"/>
    <col min="2850" max="2852" width="3.25" style="105" customWidth="1"/>
    <col min="2853" max="3072" width="4" style="105"/>
    <col min="3073" max="3073" width="1.5" style="105" customWidth="1"/>
    <col min="3074" max="3084" width="3.25" style="105" customWidth="1"/>
    <col min="3085" max="3085" width="13" style="105" customWidth="1"/>
    <col min="3086" max="3086" width="4.125" style="105" bestFit="1" customWidth="1"/>
    <col min="3087" max="3104" width="3.25" style="105" customWidth="1"/>
    <col min="3105" max="3105" width="1.5" style="105" customWidth="1"/>
    <col min="3106" max="3108" width="3.25" style="105" customWidth="1"/>
    <col min="3109" max="3328" width="4" style="105"/>
    <col min="3329" max="3329" width="1.5" style="105" customWidth="1"/>
    <col min="3330" max="3340" width="3.25" style="105" customWidth="1"/>
    <col min="3341" max="3341" width="13" style="105" customWidth="1"/>
    <col min="3342" max="3342" width="4.125" style="105" bestFit="1" customWidth="1"/>
    <col min="3343" max="3360" width="3.25" style="105" customWidth="1"/>
    <col min="3361" max="3361" width="1.5" style="105" customWidth="1"/>
    <col min="3362" max="3364" width="3.25" style="105" customWidth="1"/>
    <col min="3365" max="3584" width="4" style="105"/>
    <col min="3585" max="3585" width="1.5" style="105" customWidth="1"/>
    <col min="3586" max="3596" width="3.25" style="105" customWidth="1"/>
    <col min="3597" max="3597" width="13" style="105" customWidth="1"/>
    <col min="3598" max="3598" width="4.125" style="105" bestFit="1" customWidth="1"/>
    <col min="3599" max="3616" width="3.25" style="105" customWidth="1"/>
    <col min="3617" max="3617" width="1.5" style="105" customWidth="1"/>
    <col min="3618" max="3620" width="3.25" style="105" customWidth="1"/>
    <col min="3621" max="3840" width="4" style="105"/>
    <col min="3841" max="3841" width="1.5" style="105" customWidth="1"/>
    <col min="3842" max="3852" width="3.25" style="105" customWidth="1"/>
    <col min="3853" max="3853" width="13" style="105" customWidth="1"/>
    <col min="3854" max="3854" width="4.125" style="105" bestFit="1" customWidth="1"/>
    <col min="3855" max="3872" width="3.25" style="105" customWidth="1"/>
    <col min="3873" max="3873" width="1.5" style="105" customWidth="1"/>
    <col min="3874" max="3876" width="3.25" style="105" customWidth="1"/>
    <col min="3877" max="4096" width="4" style="105"/>
    <col min="4097" max="4097" width="1.5" style="105" customWidth="1"/>
    <col min="4098" max="4108" width="3.25" style="105" customWidth="1"/>
    <col min="4109" max="4109" width="13" style="105" customWidth="1"/>
    <col min="4110" max="4110" width="4.125" style="105" bestFit="1" customWidth="1"/>
    <col min="4111" max="4128" width="3.25" style="105" customWidth="1"/>
    <col min="4129" max="4129" width="1.5" style="105" customWidth="1"/>
    <col min="4130" max="4132" width="3.25" style="105" customWidth="1"/>
    <col min="4133" max="4352" width="4" style="105"/>
    <col min="4353" max="4353" width="1.5" style="105" customWidth="1"/>
    <col min="4354" max="4364" width="3.25" style="105" customWidth="1"/>
    <col min="4365" max="4365" width="13" style="105" customWidth="1"/>
    <col min="4366" max="4366" width="4.125" style="105" bestFit="1" customWidth="1"/>
    <col min="4367" max="4384" width="3.25" style="105" customWidth="1"/>
    <col min="4385" max="4385" width="1.5" style="105" customWidth="1"/>
    <col min="4386" max="4388" width="3.25" style="105" customWidth="1"/>
    <col min="4389" max="4608" width="4" style="105"/>
    <col min="4609" max="4609" width="1.5" style="105" customWidth="1"/>
    <col min="4610" max="4620" width="3.25" style="105" customWidth="1"/>
    <col min="4621" max="4621" width="13" style="105" customWidth="1"/>
    <col min="4622" max="4622" width="4.125" style="105" bestFit="1" customWidth="1"/>
    <col min="4623" max="4640" width="3.25" style="105" customWidth="1"/>
    <col min="4641" max="4641" width="1.5" style="105" customWidth="1"/>
    <col min="4642" max="4644" width="3.25" style="105" customWidth="1"/>
    <col min="4645" max="4864" width="4" style="105"/>
    <col min="4865" max="4865" width="1.5" style="105" customWidth="1"/>
    <col min="4866" max="4876" width="3.25" style="105" customWidth="1"/>
    <col min="4877" max="4877" width="13" style="105" customWidth="1"/>
    <col min="4878" max="4878" width="4.125" style="105" bestFit="1" customWidth="1"/>
    <col min="4879" max="4896" width="3.25" style="105" customWidth="1"/>
    <col min="4897" max="4897" width="1.5" style="105" customWidth="1"/>
    <col min="4898" max="4900" width="3.25" style="105" customWidth="1"/>
    <col min="4901" max="5120" width="4" style="105"/>
    <col min="5121" max="5121" width="1.5" style="105" customWidth="1"/>
    <col min="5122" max="5132" width="3.25" style="105" customWidth="1"/>
    <col min="5133" max="5133" width="13" style="105" customWidth="1"/>
    <col min="5134" max="5134" width="4.125" style="105" bestFit="1" customWidth="1"/>
    <col min="5135" max="5152" width="3.25" style="105" customWidth="1"/>
    <col min="5153" max="5153" width="1.5" style="105" customWidth="1"/>
    <col min="5154" max="5156" width="3.25" style="105" customWidth="1"/>
    <col min="5157" max="5376" width="4" style="105"/>
    <col min="5377" max="5377" width="1.5" style="105" customWidth="1"/>
    <col min="5378" max="5388" width="3.25" style="105" customWidth="1"/>
    <col min="5389" max="5389" width="13" style="105" customWidth="1"/>
    <col min="5390" max="5390" width="4.125" style="105" bestFit="1" customWidth="1"/>
    <col min="5391" max="5408" width="3.25" style="105" customWidth="1"/>
    <col min="5409" max="5409" width="1.5" style="105" customWidth="1"/>
    <col min="5410" max="5412" width="3.25" style="105" customWidth="1"/>
    <col min="5413" max="5632" width="4" style="105"/>
    <col min="5633" max="5633" width="1.5" style="105" customWidth="1"/>
    <col min="5634" max="5644" width="3.25" style="105" customWidth="1"/>
    <col min="5645" max="5645" width="13" style="105" customWidth="1"/>
    <col min="5646" max="5646" width="4.125" style="105" bestFit="1" customWidth="1"/>
    <col min="5647" max="5664" width="3.25" style="105" customWidth="1"/>
    <col min="5665" max="5665" width="1.5" style="105" customWidth="1"/>
    <col min="5666" max="5668" width="3.25" style="105" customWidth="1"/>
    <col min="5669" max="5888" width="4" style="105"/>
    <col min="5889" max="5889" width="1.5" style="105" customWidth="1"/>
    <col min="5890" max="5900" width="3.25" style="105" customWidth="1"/>
    <col min="5901" max="5901" width="13" style="105" customWidth="1"/>
    <col min="5902" max="5902" width="4.125" style="105" bestFit="1" customWidth="1"/>
    <col min="5903" max="5920" width="3.25" style="105" customWidth="1"/>
    <col min="5921" max="5921" width="1.5" style="105" customWidth="1"/>
    <col min="5922" max="5924" width="3.25" style="105" customWidth="1"/>
    <col min="5925" max="6144" width="4" style="105"/>
    <col min="6145" max="6145" width="1.5" style="105" customWidth="1"/>
    <col min="6146" max="6156" width="3.25" style="105" customWidth="1"/>
    <col min="6157" max="6157" width="13" style="105" customWidth="1"/>
    <col min="6158" max="6158" width="4.125" style="105" bestFit="1" customWidth="1"/>
    <col min="6159" max="6176" width="3.25" style="105" customWidth="1"/>
    <col min="6177" max="6177" width="1.5" style="105" customWidth="1"/>
    <col min="6178" max="6180" width="3.25" style="105" customWidth="1"/>
    <col min="6181" max="6400" width="4" style="105"/>
    <col min="6401" max="6401" width="1.5" style="105" customWidth="1"/>
    <col min="6402" max="6412" width="3.25" style="105" customWidth="1"/>
    <col min="6413" max="6413" width="13" style="105" customWidth="1"/>
    <col min="6414" max="6414" width="4.125" style="105" bestFit="1" customWidth="1"/>
    <col min="6415" max="6432" width="3.25" style="105" customWidth="1"/>
    <col min="6433" max="6433" width="1.5" style="105" customWidth="1"/>
    <col min="6434" max="6436" width="3.25" style="105" customWidth="1"/>
    <col min="6437" max="6656" width="4" style="105"/>
    <col min="6657" max="6657" width="1.5" style="105" customWidth="1"/>
    <col min="6658" max="6668" width="3.25" style="105" customWidth="1"/>
    <col min="6669" max="6669" width="13" style="105" customWidth="1"/>
    <col min="6670" max="6670" width="4.125" style="105" bestFit="1" customWidth="1"/>
    <col min="6671" max="6688" width="3.25" style="105" customWidth="1"/>
    <col min="6689" max="6689" width="1.5" style="105" customWidth="1"/>
    <col min="6690" max="6692" width="3.25" style="105" customWidth="1"/>
    <col min="6693" max="6912" width="4" style="105"/>
    <col min="6913" max="6913" width="1.5" style="105" customWidth="1"/>
    <col min="6914" max="6924" width="3.25" style="105" customWidth="1"/>
    <col min="6925" max="6925" width="13" style="105" customWidth="1"/>
    <col min="6926" max="6926" width="4.125" style="105" bestFit="1" customWidth="1"/>
    <col min="6927" max="6944" width="3.25" style="105" customWidth="1"/>
    <col min="6945" max="6945" width="1.5" style="105" customWidth="1"/>
    <col min="6946" max="6948" width="3.25" style="105" customWidth="1"/>
    <col min="6949" max="7168" width="4" style="105"/>
    <col min="7169" max="7169" width="1.5" style="105" customWidth="1"/>
    <col min="7170" max="7180" width="3.25" style="105" customWidth="1"/>
    <col min="7181" max="7181" width="13" style="105" customWidth="1"/>
    <col min="7182" max="7182" width="4.125" style="105" bestFit="1" customWidth="1"/>
    <col min="7183" max="7200" width="3.25" style="105" customWidth="1"/>
    <col min="7201" max="7201" width="1.5" style="105" customWidth="1"/>
    <col min="7202" max="7204" width="3.25" style="105" customWidth="1"/>
    <col min="7205" max="7424" width="4" style="105"/>
    <col min="7425" max="7425" width="1.5" style="105" customWidth="1"/>
    <col min="7426" max="7436" width="3.25" style="105" customWidth="1"/>
    <col min="7437" max="7437" width="13" style="105" customWidth="1"/>
    <col min="7438" max="7438" width="4.125" style="105" bestFit="1" customWidth="1"/>
    <col min="7439" max="7456" width="3.25" style="105" customWidth="1"/>
    <col min="7457" max="7457" width="1.5" style="105" customWidth="1"/>
    <col min="7458" max="7460" width="3.25" style="105" customWidth="1"/>
    <col min="7461" max="7680" width="4" style="105"/>
    <col min="7681" max="7681" width="1.5" style="105" customWidth="1"/>
    <col min="7682" max="7692" width="3.25" style="105" customWidth="1"/>
    <col min="7693" max="7693" width="13" style="105" customWidth="1"/>
    <col min="7694" max="7694" width="4.125" style="105" bestFit="1" customWidth="1"/>
    <col min="7695" max="7712" width="3.25" style="105" customWidth="1"/>
    <col min="7713" max="7713" width="1.5" style="105" customWidth="1"/>
    <col min="7714" max="7716" width="3.25" style="105" customWidth="1"/>
    <col min="7717" max="7936" width="4" style="105"/>
    <col min="7937" max="7937" width="1.5" style="105" customWidth="1"/>
    <col min="7938" max="7948" width="3.25" style="105" customWidth="1"/>
    <col min="7949" max="7949" width="13" style="105" customWidth="1"/>
    <col min="7950" max="7950" width="4.125" style="105" bestFit="1" customWidth="1"/>
    <col min="7951" max="7968" width="3.25" style="105" customWidth="1"/>
    <col min="7969" max="7969" width="1.5" style="105" customWidth="1"/>
    <col min="7970" max="7972" width="3.25" style="105" customWidth="1"/>
    <col min="7973" max="8192" width="4" style="105"/>
    <col min="8193" max="8193" width="1.5" style="105" customWidth="1"/>
    <col min="8194" max="8204" width="3.25" style="105" customWidth="1"/>
    <col min="8205" max="8205" width="13" style="105" customWidth="1"/>
    <col min="8206" max="8206" width="4.125" style="105" bestFit="1" customWidth="1"/>
    <col min="8207" max="8224" width="3.25" style="105" customWidth="1"/>
    <col min="8225" max="8225" width="1.5" style="105" customWidth="1"/>
    <col min="8226" max="8228" width="3.25" style="105" customWidth="1"/>
    <col min="8229" max="8448" width="4" style="105"/>
    <col min="8449" max="8449" width="1.5" style="105" customWidth="1"/>
    <col min="8450" max="8460" width="3.25" style="105" customWidth="1"/>
    <col min="8461" max="8461" width="13" style="105" customWidth="1"/>
    <col min="8462" max="8462" width="4.125" style="105" bestFit="1" customWidth="1"/>
    <col min="8463" max="8480" width="3.25" style="105" customWidth="1"/>
    <col min="8481" max="8481" width="1.5" style="105" customWidth="1"/>
    <col min="8482" max="8484" width="3.25" style="105" customWidth="1"/>
    <col min="8485" max="8704" width="4" style="105"/>
    <col min="8705" max="8705" width="1.5" style="105" customWidth="1"/>
    <col min="8706" max="8716" width="3.25" style="105" customWidth="1"/>
    <col min="8717" max="8717" width="13" style="105" customWidth="1"/>
    <col min="8718" max="8718" width="4.125" style="105" bestFit="1" customWidth="1"/>
    <col min="8719" max="8736" width="3.25" style="105" customWidth="1"/>
    <col min="8737" max="8737" width="1.5" style="105" customWidth="1"/>
    <col min="8738" max="8740" width="3.25" style="105" customWidth="1"/>
    <col min="8741" max="8960" width="4" style="105"/>
    <col min="8961" max="8961" width="1.5" style="105" customWidth="1"/>
    <col min="8962" max="8972" width="3.25" style="105" customWidth="1"/>
    <col min="8973" max="8973" width="13" style="105" customWidth="1"/>
    <col min="8974" max="8974" width="4.125" style="105" bestFit="1" customWidth="1"/>
    <col min="8975" max="8992" width="3.25" style="105" customWidth="1"/>
    <col min="8993" max="8993" width="1.5" style="105" customWidth="1"/>
    <col min="8994" max="8996" width="3.25" style="105" customWidth="1"/>
    <col min="8997" max="9216" width="4" style="105"/>
    <col min="9217" max="9217" width="1.5" style="105" customWidth="1"/>
    <col min="9218" max="9228" width="3.25" style="105" customWidth="1"/>
    <col min="9229" max="9229" width="13" style="105" customWidth="1"/>
    <col min="9230" max="9230" width="4.125" style="105" bestFit="1" customWidth="1"/>
    <col min="9231" max="9248" width="3.25" style="105" customWidth="1"/>
    <col min="9249" max="9249" width="1.5" style="105" customWidth="1"/>
    <col min="9250" max="9252" width="3.25" style="105" customWidth="1"/>
    <col min="9253" max="9472" width="4" style="105"/>
    <col min="9473" max="9473" width="1.5" style="105" customWidth="1"/>
    <col min="9474" max="9484" width="3.25" style="105" customWidth="1"/>
    <col min="9485" max="9485" width="13" style="105" customWidth="1"/>
    <col min="9486" max="9486" width="4.125" style="105" bestFit="1" customWidth="1"/>
    <col min="9487" max="9504" width="3.25" style="105" customWidth="1"/>
    <col min="9505" max="9505" width="1.5" style="105" customWidth="1"/>
    <col min="9506" max="9508" width="3.25" style="105" customWidth="1"/>
    <col min="9509" max="9728" width="4" style="105"/>
    <col min="9729" max="9729" width="1.5" style="105" customWidth="1"/>
    <col min="9730" max="9740" width="3.25" style="105" customWidth="1"/>
    <col min="9741" max="9741" width="13" style="105" customWidth="1"/>
    <col min="9742" max="9742" width="4.125" style="105" bestFit="1" customWidth="1"/>
    <col min="9743" max="9760" width="3.25" style="105" customWidth="1"/>
    <col min="9761" max="9761" width="1.5" style="105" customWidth="1"/>
    <col min="9762" max="9764" width="3.25" style="105" customWidth="1"/>
    <col min="9765" max="9984" width="4" style="105"/>
    <col min="9985" max="9985" width="1.5" style="105" customWidth="1"/>
    <col min="9986" max="9996" width="3.25" style="105" customWidth="1"/>
    <col min="9997" max="9997" width="13" style="105" customWidth="1"/>
    <col min="9998" max="9998" width="4.125" style="105" bestFit="1" customWidth="1"/>
    <col min="9999" max="10016" width="3.25" style="105" customWidth="1"/>
    <col min="10017" max="10017" width="1.5" style="105" customWidth="1"/>
    <col min="10018" max="10020" width="3.25" style="105" customWidth="1"/>
    <col min="10021" max="10240" width="4" style="105"/>
    <col min="10241" max="10241" width="1.5" style="105" customWidth="1"/>
    <col min="10242" max="10252" width="3.25" style="105" customWidth="1"/>
    <col min="10253" max="10253" width="13" style="105" customWidth="1"/>
    <col min="10254" max="10254" width="4.125" style="105" bestFit="1" customWidth="1"/>
    <col min="10255" max="10272" width="3.25" style="105" customWidth="1"/>
    <col min="10273" max="10273" width="1.5" style="105" customWidth="1"/>
    <col min="10274" max="10276" width="3.25" style="105" customWidth="1"/>
    <col min="10277" max="10496" width="4" style="105"/>
    <col min="10497" max="10497" width="1.5" style="105" customWidth="1"/>
    <col min="10498" max="10508" width="3.25" style="105" customWidth="1"/>
    <col min="10509" max="10509" width="13" style="105" customWidth="1"/>
    <col min="10510" max="10510" width="4.125" style="105" bestFit="1" customWidth="1"/>
    <col min="10511" max="10528" width="3.25" style="105" customWidth="1"/>
    <col min="10529" max="10529" width="1.5" style="105" customWidth="1"/>
    <col min="10530" max="10532" width="3.25" style="105" customWidth="1"/>
    <col min="10533" max="10752" width="4" style="105"/>
    <col min="10753" max="10753" width="1.5" style="105" customWidth="1"/>
    <col min="10754" max="10764" width="3.25" style="105" customWidth="1"/>
    <col min="10765" max="10765" width="13" style="105" customWidth="1"/>
    <col min="10766" max="10766" width="4.125" style="105" bestFit="1" customWidth="1"/>
    <col min="10767" max="10784" width="3.25" style="105" customWidth="1"/>
    <col min="10785" max="10785" width="1.5" style="105" customWidth="1"/>
    <col min="10786" max="10788" width="3.25" style="105" customWidth="1"/>
    <col min="10789" max="11008" width="4" style="105"/>
    <col min="11009" max="11009" width="1.5" style="105" customWidth="1"/>
    <col min="11010" max="11020" width="3.25" style="105" customWidth="1"/>
    <col min="11021" max="11021" width="13" style="105" customWidth="1"/>
    <col min="11022" max="11022" width="4.125" style="105" bestFit="1" customWidth="1"/>
    <col min="11023" max="11040" width="3.25" style="105" customWidth="1"/>
    <col min="11041" max="11041" width="1.5" style="105" customWidth="1"/>
    <col min="11042" max="11044" width="3.25" style="105" customWidth="1"/>
    <col min="11045" max="11264" width="4" style="105"/>
    <col min="11265" max="11265" width="1.5" style="105" customWidth="1"/>
    <col min="11266" max="11276" width="3.25" style="105" customWidth="1"/>
    <col min="11277" max="11277" width="13" style="105" customWidth="1"/>
    <col min="11278" max="11278" width="4.125" style="105" bestFit="1" customWidth="1"/>
    <col min="11279" max="11296" width="3.25" style="105" customWidth="1"/>
    <col min="11297" max="11297" width="1.5" style="105" customWidth="1"/>
    <col min="11298" max="11300" width="3.25" style="105" customWidth="1"/>
    <col min="11301" max="11520" width="4" style="105"/>
    <col min="11521" max="11521" width="1.5" style="105" customWidth="1"/>
    <col min="11522" max="11532" width="3.25" style="105" customWidth="1"/>
    <col min="11533" max="11533" width="13" style="105" customWidth="1"/>
    <col min="11534" max="11534" width="4.125" style="105" bestFit="1" customWidth="1"/>
    <col min="11535" max="11552" width="3.25" style="105" customWidth="1"/>
    <col min="11553" max="11553" width="1.5" style="105" customWidth="1"/>
    <col min="11554" max="11556" width="3.25" style="105" customWidth="1"/>
    <col min="11557" max="11776" width="4" style="105"/>
    <col min="11777" max="11777" width="1.5" style="105" customWidth="1"/>
    <col min="11778" max="11788" width="3.25" style="105" customWidth="1"/>
    <col min="11789" max="11789" width="13" style="105" customWidth="1"/>
    <col min="11790" max="11790" width="4.125" style="105" bestFit="1" customWidth="1"/>
    <col min="11791" max="11808" width="3.25" style="105" customWidth="1"/>
    <col min="11809" max="11809" width="1.5" style="105" customWidth="1"/>
    <col min="11810" max="11812" width="3.25" style="105" customWidth="1"/>
    <col min="11813" max="12032" width="4" style="105"/>
    <col min="12033" max="12033" width="1.5" style="105" customWidth="1"/>
    <col min="12034" max="12044" width="3.25" style="105" customWidth="1"/>
    <col min="12045" max="12045" width="13" style="105" customWidth="1"/>
    <col min="12046" max="12046" width="4.125" style="105" bestFit="1" customWidth="1"/>
    <col min="12047" max="12064" width="3.25" style="105" customWidth="1"/>
    <col min="12065" max="12065" width="1.5" style="105" customWidth="1"/>
    <col min="12066" max="12068" width="3.25" style="105" customWidth="1"/>
    <col min="12069" max="12288" width="4" style="105"/>
    <col min="12289" max="12289" width="1.5" style="105" customWidth="1"/>
    <col min="12290" max="12300" width="3.25" style="105" customWidth="1"/>
    <col min="12301" max="12301" width="13" style="105" customWidth="1"/>
    <col min="12302" max="12302" width="4.125" style="105" bestFit="1" customWidth="1"/>
    <col min="12303" max="12320" width="3.25" style="105" customWidth="1"/>
    <col min="12321" max="12321" width="1.5" style="105" customWidth="1"/>
    <col min="12322" max="12324" width="3.25" style="105" customWidth="1"/>
    <col min="12325" max="12544" width="4" style="105"/>
    <col min="12545" max="12545" width="1.5" style="105" customWidth="1"/>
    <col min="12546" max="12556" width="3.25" style="105" customWidth="1"/>
    <col min="12557" max="12557" width="13" style="105" customWidth="1"/>
    <col min="12558" max="12558" width="4.125" style="105" bestFit="1" customWidth="1"/>
    <col min="12559" max="12576" width="3.25" style="105" customWidth="1"/>
    <col min="12577" max="12577" width="1.5" style="105" customWidth="1"/>
    <col min="12578" max="12580" width="3.25" style="105" customWidth="1"/>
    <col min="12581" max="12800" width="4" style="105"/>
    <col min="12801" max="12801" width="1.5" style="105" customWidth="1"/>
    <col min="12802" max="12812" width="3.25" style="105" customWidth="1"/>
    <col min="12813" max="12813" width="13" style="105" customWidth="1"/>
    <col min="12814" max="12814" width="4.125" style="105" bestFit="1" customWidth="1"/>
    <col min="12815" max="12832" width="3.25" style="105" customWidth="1"/>
    <col min="12833" max="12833" width="1.5" style="105" customWidth="1"/>
    <col min="12834" max="12836" width="3.25" style="105" customWidth="1"/>
    <col min="12837" max="13056" width="4" style="105"/>
    <col min="13057" max="13057" width="1.5" style="105" customWidth="1"/>
    <col min="13058" max="13068" width="3.25" style="105" customWidth="1"/>
    <col min="13069" max="13069" width="13" style="105" customWidth="1"/>
    <col min="13070" max="13070" width="4.125" style="105" bestFit="1" customWidth="1"/>
    <col min="13071" max="13088" width="3.25" style="105" customWidth="1"/>
    <col min="13089" max="13089" width="1.5" style="105" customWidth="1"/>
    <col min="13090" max="13092" width="3.25" style="105" customWidth="1"/>
    <col min="13093" max="13312" width="4" style="105"/>
    <col min="13313" max="13313" width="1.5" style="105" customWidth="1"/>
    <col min="13314" max="13324" width="3.25" style="105" customWidth="1"/>
    <col min="13325" max="13325" width="13" style="105" customWidth="1"/>
    <col min="13326" max="13326" width="4.125" style="105" bestFit="1" customWidth="1"/>
    <col min="13327" max="13344" width="3.25" style="105" customWidth="1"/>
    <col min="13345" max="13345" width="1.5" style="105" customWidth="1"/>
    <col min="13346" max="13348" width="3.25" style="105" customWidth="1"/>
    <col min="13349" max="13568" width="4" style="105"/>
    <col min="13569" max="13569" width="1.5" style="105" customWidth="1"/>
    <col min="13570" max="13580" width="3.25" style="105" customWidth="1"/>
    <col min="13581" max="13581" width="13" style="105" customWidth="1"/>
    <col min="13582" max="13582" width="4.125" style="105" bestFit="1" customWidth="1"/>
    <col min="13583" max="13600" width="3.25" style="105" customWidth="1"/>
    <col min="13601" max="13601" width="1.5" style="105" customWidth="1"/>
    <col min="13602" max="13604" width="3.25" style="105" customWidth="1"/>
    <col min="13605" max="13824" width="4" style="105"/>
    <col min="13825" max="13825" width="1.5" style="105" customWidth="1"/>
    <col min="13826" max="13836" width="3.25" style="105" customWidth="1"/>
    <col min="13837" max="13837" width="13" style="105" customWidth="1"/>
    <col min="13838" max="13838" width="4.125" style="105" bestFit="1" customWidth="1"/>
    <col min="13839" max="13856" width="3.25" style="105" customWidth="1"/>
    <col min="13857" max="13857" width="1.5" style="105" customWidth="1"/>
    <col min="13858" max="13860" width="3.25" style="105" customWidth="1"/>
    <col min="13861" max="14080" width="4" style="105"/>
    <col min="14081" max="14081" width="1.5" style="105" customWidth="1"/>
    <col min="14082" max="14092" width="3.25" style="105" customWidth="1"/>
    <col min="14093" max="14093" width="13" style="105" customWidth="1"/>
    <col min="14094" max="14094" width="4.125" style="105" bestFit="1" customWidth="1"/>
    <col min="14095" max="14112" width="3.25" style="105" customWidth="1"/>
    <col min="14113" max="14113" width="1.5" style="105" customWidth="1"/>
    <col min="14114" max="14116" width="3.25" style="105" customWidth="1"/>
    <col min="14117" max="14336" width="4" style="105"/>
    <col min="14337" max="14337" width="1.5" style="105" customWidth="1"/>
    <col min="14338" max="14348" width="3.25" style="105" customWidth="1"/>
    <col min="14349" max="14349" width="13" style="105" customWidth="1"/>
    <col min="14350" max="14350" width="4.125" style="105" bestFit="1" customWidth="1"/>
    <col min="14351" max="14368" width="3.25" style="105" customWidth="1"/>
    <col min="14369" max="14369" width="1.5" style="105" customWidth="1"/>
    <col min="14370" max="14372" width="3.25" style="105" customWidth="1"/>
    <col min="14373" max="14592" width="4" style="105"/>
    <col min="14593" max="14593" width="1.5" style="105" customWidth="1"/>
    <col min="14594" max="14604" width="3.25" style="105" customWidth="1"/>
    <col min="14605" max="14605" width="13" style="105" customWidth="1"/>
    <col min="14606" max="14606" width="4.125" style="105" bestFit="1" customWidth="1"/>
    <col min="14607" max="14624" width="3.25" style="105" customWidth="1"/>
    <col min="14625" max="14625" width="1.5" style="105" customWidth="1"/>
    <col min="14626" max="14628" width="3.25" style="105" customWidth="1"/>
    <col min="14629" max="14848" width="4" style="105"/>
    <col min="14849" max="14849" width="1.5" style="105" customWidth="1"/>
    <col min="14850" max="14860" width="3.25" style="105" customWidth="1"/>
    <col min="14861" max="14861" width="13" style="105" customWidth="1"/>
    <col min="14862" max="14862" width="4.125" style="105" bestFit="1" customWidth="1"/>
    <col min="14863" max="14880" width="3.25" style="105" customWidth="1"/>
    <col min="14881" max="14881" width="1.5" style="105" customWidth="1"/>
    <col min="14882" max="14884" width="3.25" style="105" customWidth="1"/>
    <col min="14885" max="15104" width="4" style="105"/>
    <col min="15105" max="15105" width="1.5" style="105" customWidth="1"/>
    <col min="15106" max="15116" width="3.25" style="105" customWidth="1"/>
    <col min="15117" max="15117" width="13" style="105" customWidth="1"/>
    <col min="15118" max="15118" width="4.125" style="105" bestFit="1" customWidth="1"/>
    <col min="15119" max="15136" width="3.25" style="105" customWidth="1"/>
    <col min="15137" max="15137" width="1.5" style="105" customWidth="1"/>
    <col min="15138" max="15140" width="3.25" style="105" customWidth="1"/>
    <col min="15141" max="15360" width="4" style="105"/>
    <col min="15361" max="15361" width="1.5" style="105" customWidth="1"/>
    <col min="15362" max="15372" width="3.25" style="105" customWidth="1"/>
    <col min="15373" max="15373" width="13" style="105" customWidth="1"/>
    <col min="15374" max="15374" width="4.125" style="105" bestFit="1" customWidth="1"/>
    <col min="15375" max="15392" width="3.25" style="105" customWidth="1"/>
    <col min="15393" max="15393" width="1.5" style="105" customWidth="1"/>
    <col min="15394" max="15396" width="3.25" style="105" customWidth="1"/>
    <col min="15397" max="15616" width="4" style="105"/>
    <col min="15617" max="15617" width="1.5" style="105" customWidth="1"/>
    <col min="15618" max="15628" width="3.25" style="105" customWidth="1"/>
    <col min="15629" max="15629" width="13" style="105" customWidth="1"/>
    <col min="15630" max="15630" width="4.125" style="105" bestFit="1" customWidth="1"/>
    <col min="15631" max="15648" width="3.25" style="105" customWidth="1"/>
    <col min="15649" max="15649" width="1.5" style="105" customWidth="1"/>
    <col min="15650" max="15652" width="3.25" style="105" customWidth="1"/>
    <col min="15653" max="15872" width="4" style="105"/>
    <col min="15873" max="15873" width="1.5" style="105" customWidth="1"/>
    <col min="15874" max="15884" width="3.25" style="105" customWidth="1"/>
    <col min="15885" max="15885" width="13" style="105" customWidth="1"/>
    <col min="15886" max="15886" width="4.125" style="105" bestFit="1" customWidth="1"/>
    <col min="15887" max="15904" width="3.25" style="105" customWidth="1"/>
    <col min="15905" max="15905" width="1.5" style="105" customWidth="1"/>
    <col min="15906" max="15908" width="3.25" style="105" customWidth="1"/>
    <col min="15909" max="16128" width="4" style="105"/>
    <col min="16129" max="16129" width="1.5" style="105" customWidth="1"/>
    <col min="16130" max="16140" width="3.25" style="105" customWidth="1"/>
    <col min="16141" max="16141" width="13" style="105" customWidth="1"/>
    <col min="16142" max="16142" width="4.125" style="105" bestFit="1" customWidth="1"/>
    <col min="16143" max="16160" width="3.25" style="105" customWidth="1"/>
    <col min="16161" max="16161" width="1.5" style="105" customWidth="1"/>
    <col min="16162" max="16164" width="3.25" style="105" customWidth="1"/>
    <col min="16165" max="16384" width="4" style="105"/>
  </cols>
  <sheetData>
    <row r="2" spans="1:33" x14ac:dyDescent="0.15">
      <c r="B2" s="105" t="s">
        <v>135</v>
      </c>
    </row>
    <row r="4" spans="1:33" x14ac:dyDescent="0.15">
      <c r="W4" s="106" t="s">
        <v>10</v>
      </c>
      <c r="X4" s="319"/>
      <c r="Y4" s="319"/>
      <c r="Z4" s="107" t="s">
        <v>9</v>
      </c>
      <c r="AA4" s="319"/>
      <c r="AB4" s="319"/>
      <c r="AC4" s="107" t="s">
        <v>8</v>
      </c>
      <c r="AD4" s="319"/>
      <c r="AE4" s="319"/>
      <c r="AF4" s="107" t="s">
        <v>90</v>
      </c>
    </row>
    <row r="5" spans="1:33" x14ac:dyDescent="0.15">
      <c r="B5" s="107"/>
      <c r="D5" s="107" t="s">
        <v>136</v>
      </c>
      <c r="F5" s="107"/>
      <c r="H5" s="107"/>
      <c r="I5" s="107"/>
      <c r="J5" s="107"/>
      <c r="K5" s="107"/>
    </row>
    <row r="6" spans="1:33" x14ac:dyDescent="0.15">
      <c r="B6" s="107"/>
      <c r="C6" s="107"/>
      <c r="D6" s="107"/>
      <c r="E6" s="107"/>
      <c r="F6" s="107"/>
      <c r="G6" s="107"/>
      <c r="H6" s="107"/>
      <c r="I6" s="107"/>
      <c r="J6" s="107"/>
      <c r="K6" s="107"/>
    </row>
    <row r="7" spans="1:33" x14ac:dyDescent="0.15">
      <c r="S7" s="106" t="s">
        <v>89</v>
      </c>
      <c r="T7" s="320"/>
      <c r="U7" s="320"/>
      <c r="V7" s="320"/>
      <c r="W7" s="320"/>
      <c r="X7" s="320"/>
      <c r="Y7" s="320"/>
      <c r="Z7" s="320"/>
      <c r="AA7" s="320"/>
      <c r="AB7" s="320"/>
      <c r="AC7" s="320"/>
      <c r="AD7" s="320"/>
      <c r="AE7" s="320"/>
      <c r="AF7" s="320"/>
    </row>
    <row r="9" spans="1:33" x14ac:dyDescent="0.15">
      <c r="B9" s="321" t="s">
        <v>88</v>
      </c>
      <c r="C9" s="321"/>
      <c r="D9" s="321"/>
      <c r="E9" s="321"/>
      <c r="F9" s="321"/>
      <c r="G9" s="321"/>
      <c r="H9" s="321"/>
      <c r="I9" s="321"/>
      <c r="J9" s="321"/>
      <c r="K9" s="321"/>
      <c r="L9" s="321"/>
      <c r="M9" s="321"/>
      <c r="N9" s="321"/>
      <c r="O9" s="321"/>
      <c r="P9" s="321"/>
      <c r="Q9" s="321"/>
      <c r="R9" s="321"/>
      <c r="S9" s="321"/>
      <c r="T9" s="321"/>
      <c r="U9" s="321"/>
      <c r="V9" s="321"/>
      <c r="W9" s="321"/>
      <c r="X9" s="321"/>
      <c r="Y9" s="321"/>
      <c r="Z9" s="321"/>
      <c r="AA9" s="321"/>
      <c r="AB9" s="321"/>
      <c r="AC9" s="321"/>
      <c r="AD9" s="321"/>
      <c r="AE9" s="321"/>
      <c r="AF9" s="321"/>
    </row>
    <row r="10" spans="1:33" x14ac:dyDescent="0.15">
      <c r="B10" s="321"/>
      <c r="C10" s="321"/>
      <c r="D10" s="321"/>
      <c r="E10" s="321"/>
      <c r="F10" s="321"/>
      <c r="G10" s="321"/>
      <c r="H10" s="321"/>
      <c r="I10" s="321"/>
      <c r="J10" s="321"/>
      <c r="K10" s="321"/>
      <c r="L10" s="321"/>
      <c r="M10" s="321"/>
      <c r="N10" s="321"/>
      <c r="O10" s="321"/>
      <c r="P10" s="321"/>
      <c r="Q10" s="321"/>
      <c r="R10" s="321"/>
      <c r="S10" s="321"/>
      <c r="T10" s="321"/>
      <c r="U10" s="321"/>
      <c r="V10" s="321"/>
      <c r="W10" s="321"/>
      <c r="X10" s="321"/>
      <c r="Y10" s="321"/>
      <c r="Z10" s="321"/>
      <c r="AA10" s="321"/>
      <c r="AB10" s="321"/>
      <c r="AC10" s="321"/>
      <c r="AD10" s="321"/>
      <c r="AE10" s="321"/>
      <c r="AF10" s="321"/>
    </row>
    <row r="11" spans="1:33" x14ac:dyDescent="0.15">
      <c r="B11" s="108"/>
      <c r="C11" s="108"/>
      <c r="D11" s="108"/>
      <c r="E11" s="108"/>
      <c r="F11" s="108"/>
      <c r="G11" s="108"/>
      <c r="H11" s="108"/>
      <c r="I11" s="108"/>
      <c r="J11" s="108"/>
      <c r="K11" s="108"/>
      <c r="L11" s="108"/>
      <c r="M11" s="108"/>
      <c r="N11" s="108"/>
      <c r="O11" s="108"/>
      <c r="P11" s="108"/>
      <c r="Q11" s="108"/>
      <c r="R11" s="108"/>
      <c r="S11" s="108"/>
      <c r="T11" s="108"/>
      <c r="U11" s="108"/>
      <c r="V11" s="108"/>
      <c r="W11" s="108"/>
      <c r="X11" s="108"/>
      <c r="Y11" s="108"/>
      <c r="Z11" s="108"/>
      <c r="AA11" s="108"/>
    </row>
    <row r="12" spans="1:33" x14ac:dyDescent="0.15">
      <c r="A12" s="105" t="s">
        <v>87</v>
      </c>
    </row>
    <row r="13" spans="1:33" ht="36" customHeight="1" x14ac:dyDescent="0.15"/>
    <row r="14" spans="1:33" ht="13.5" customHeight="1" x14ac:dyDescent="0.15">
      <c r="R14" s="316" t="s">
        <v>86</v>
      </c>
      <c r="S14" s="317"/>
      <c r="T14" s="317"/>
      <c r="U14" s="317"/>
      <c r="V14" s="318"/>
      <c r="W14" s="109"/>
      <c r="X14" s="110"/>
      <c r="Y14" s="110"/>
      <c r="Z14" s="110"/>
      <c r="AA14" s="110"/>
      <c r="AB14" s="110"/>
      <c r="AC14" s="110"/>
      <c r="AD14" s="110"/>
      <c r="AE14" s="110"/>
      <c r="AF14" s="111"/>
    </row>
    <row r="15" spans="1:33" s="112" customFormat="1" ht="34.5" customHeight="1" x14ac:dyDescent="0.15">
      <c r="A15" s="105"/>
      <c r="B15" s="105"/>
      <c r="C15" s="105"/>
      <c r="D15" s="105"/>
      <c r="E15" s="105"/>
      <c r="F15" s="105"/>
      <c r="G15" s="105"/>
      <c r="H15" s="105"/>
      <c r="I15" s="105"/>
      <c r="J15" s="105"/>
      <c r="K15" s="105"/>
      <c r="L15" s="105"/>
      <c r="M15" s="105"/>
      <c r="N15" s="105"/>
      <c r="O15" s="105"/>
      <c r="P15" s="105"/>
      <c r="Q15" s="105"/>
      <c r="R15" s="105"/>
      <c r="S15" s="105"/>
      <c r="T15" s="105"/>
      <c r="U15" s="105"/>
      <c r="V15" s="105"/>
      <c r="W15" s="105"/>
      <c r="X15" s="105"/>
      <c r="Y15" s="105"/>
      <c r="Z15" s="105"/>
      <c r="AA15" s="105"/>
      <c r="AB15" s="105"/>
      <c r="AC15" s="105"/>
      <c r="AD15" s="105"/>
      <c r="AE15" s="105"/>
      <c r="AF15" s="105"/>
      <c r="AG15" s="105"/>
    </row>
    <row r="16" spans="1:33" s="112" customFormat="1" x14ac:dyDescent="0.15">
      <c r="B16" s="316" t="s">
        <v>85</v>
      </c>
      <c r="C16" s="317"/>
      <c r="D16" s="317"/>
      <c r="E16" s="317"/>
      <c r="F16" s="317"/>
      <c r="G16" s="317"/>
      <c r="H16" s="317"/>
      <c r="I16" s="317"/>
      <c r="J16" s="317"/>
      <c r="K16" s="317"/>
      <c r="L16" s="318"/>
      <c r="M16" s="317" t="s">
        <v>84</v>
      </c>
      <c r="N16" s="318"/>
      <c r="O16" s="316" t="s">
        <v>83</v>
      </c>
      <c r="P16" s="317"/>
      <c r="Q16" s="317"/>
      <c r="R16" s="317"/>
      <c r="S16" s="317"/>
      <c r="T16" s="317"/>
      <c r="U16" s="317"/>
      <c r="V16" s="317"/>
      <c r="W16" s="317"/>
      <c r="X16" s="317"/>
      <c r="Y16" s="317"/>
      <c r="Z16" s="317"/>
      <c r="AA16" s="317"/>
      <c r="AB16" s="317"/>
      <c r="AC16" s="317"/>
      <c r="AD16" s="317"/>
      <c r="AE16" s="317"/>
      <c r="AF16" s="318"/>
    </row>
    <row r="17" spans="2:32" s="112" customFormat="1" x14ac:dyDescent="0.15">
      <c r="B17" s="322" t="s">
        <v>7</v>
      </c>
      <c r="C17" s="323"/>
      <c r="D17" s="323"/>
      <c r="E17" s="323"/>
      <c r="F17" s="323"/>
      <c r="G17" s="323"/>
      <c r="H17" s="323"/>
      <c r="I17" s="323"/>
      <c r="J17" s="323"/>
      <c r="K17" s="323"/>
      <c r="L17" s="324"/>
      <c r="M17" s="113"/>
      <c r="N17" s="114" t="s">
        <v>77</v>
      </c>
      <c r="O17" s="331"/>
      <c r="P17" s="332"/>
      <c r="Q17" s="332"/>
      <c r="R17" s="332"/>
      <c r="S17" s="332"/>
      <c r="T17" s="332"/>
      <c r="U17" s="332"/>
      <c r="V17" s="332"/>
      <c r="W17" s="332"/>
      <c r="X17" s="332"/>
      <c r="Y17" s="332"/>
      <c r="Z17" s="332"/>
      <c r="AA17" s="332"/>
      <c r="AB17" s="332"/>
      <c r="AC17" s="332"/>
      <c r="AD17" s="332"/>
      <c r="AE17" s="332"/>
      <c r="AF17" s="333"/>
    </row>
    <row r="18" spans="2:32" s="112" customFormat="1" x14ac:dyDescent="0.15">
      <c r="B18" s="325"/>
      <c r="C18" s="326"/>
      <c r="D18" s="326"/>
      <c r="E18" s="326"/>
      <c r="F18" s="326"/>
      <c r="G18" s="326"/>
      <c r="H18" s="326"/>
      <c r="I18" s="326"/>
      <c r="J18" s="326"/>
      <c r="K18" s="326"/>
      <c r="L18" s="327"/>
      <c r="M18" s="115"/>
      <c r="N18" s="116" t="s">
        <v>77</v>
      </c>
      <c r="O18" s="331"/>
      <c r="P18" s="332"/>
      <c r="Q18" s="332"/>
      <c r="R18" s="332"/>
      <c r="S18" s="332"/>
      <c r="T18" s="332"/>
      <c r="U18" s="332"/>
      <c r="V18" s="332"/>
      <c r="W18" s="332"/>
      <c r="X18" s="332"/>
      <c r="Y18" s="332"/>
      <c r="Z18" s="332"/>
      <c r="AA18" s="332"/>
      <c r="AB18" s="332"/>
      <c r="AC18" s="332"/>
      <c r="AD18" s="332"/>
      <c r="AE18" s="332"/>
      <c r="AF18" s="333"/>
    </row>
    <row r="19" spans="2:32" s="112" customFormat="1" x14ac:dyDescent="0.15">
      <c r="B19" s="328"/>
      <c r="C19" s="329"/>
      <c r="D19" s="329"/>
      <c r="E19" s="329"/>
      <c r="F19" s="329"/>
      <c r="G19" s="329"/>
      <c r="H19" s="329"/>
      <c r="I19" s="329"/>
      <c r="J19" s="329"/>
      <c r="K19" s="329"/>
      <c r="L19" s="330"/>
      <c r="M19" s="115"/>
      <c r="N19" s="116" t="s">
        <v>77</v>
      </c>
      <c r="O19" s="331"/>
      <c r="P19" s="332"/>
      <c r="Q19" s="332"/>
      <c r="R19" s="332"/>
      <c r="S19" s="332"/>
      <c r="T19" s="332"/>
      <c r="U19" s="332"/>
      <c r="V19" s="332"/>
      <c r="W19" s="332"/>
      <c r="X19" s="332"/>
      <c r="Y19" s="332"/>
      <c r="Z19" s="332"/>
      <c r="AA19" s="332"/>
      <c r="AB19" s="332"/>
      <c r="AC19" s="332"/>
      <c r="AD19" s="332"/>
      <c r="AE19" s="332"/>
      <c r="AF19" s="333"/>
    </row>
    <row r="20" spans="2:32" s="112" customFormat="1" x14ac:dyDescent="0.15">
      <c r="B20" s="322" t="s">
        <v>6</v>
      </c>
      <c r="C20" s="323"/>
      <c r="D20" s="323"/>
      <c r="E20" s="323"/>
      <c r="F20" s="323"/>
      <c r="G20" s="323"/>
      <c r="H20" s="323"/>
      <c r="I20" s="323"/>
      <c r="J20" s="323"/>
      <c r="K20" s="323"/>
      <c r="L20" s="324"/>
      <c r="M20" s="115"/>
      <c r="N20" s="117" t="s">
        <v>77</v>
      </c>
      <c r="O20" s="331"/>
      <c r="P20" s="332"/>
      <c r="Q20" s="332"/>
      <c r="R20" s="332"/>
      <c r="S20" s="332"/>
      <c r="T20" s="332"/>
      <c r="U20" s="332"/>
      <c r="V20" s="332"/>
      <c r="W20" s="332"/>
      <c r="X20" s="332"/>
      <c r="Y20" s="332"/>
      <c r="Z20" s="332"/>
      <c r="AA20" s="332"/>
      <c r="AB20" s="332"/>
      <c r="AC20" s="332"/>
      <c r="AD20" s="332"/>
      <c r="AE20" s="332"/>
      <c r="AF20" s="333"/>
    </row>
    <row r="21" spans="2:32" s="112" customFormat="1" x14ac:dyDescent="0.15">
      <c r="B21" s="325"/>
      <c r="C21" s="326"/>
      <c r="D21" s="326"/>
      <c r="E21" s="326"/>
      <c r="F21" s="326"/>
      <c r="G21" s="326"/>
      <c r="H21" s="326"/>
      <c r="I21" s="326"/>
      <c r="J21" s="326"/>
      <c r="K21" s="326"/>
      <c r="L21" s="327"/>
      <c r="M21" s="115"/>
      <c r="N21" s="117" t="s">
        <v>77</v>
      </c>
      <c r="O21" s="331"/>
      <c r="P21" s="332"/>
      <c r="Q21" s="332"/>
      <c r="R21" s="332"/>
      <c r="S21" s="332"/>
      <c r="T21" s="332"/>
      <c r="U21" s="332"/>
      <c r="V21" s="332"/>
      <c r="W21" s="332"/>
      <c r="X21" s="332"/>
      <c r="Y21" s="332"/>
      <c r="Z21" s="332"/>
      <c r="AA21" s="332"/>
      <c r="AB21" s="332"/>
      <c r="AC21" s="332"/>
      <c r="AD21" s="332"/>
      <c r="AE21" s="332"/>
      <c r="AF21" s="333"/>
    </row>
    <row r="22" spans="2:32" s="112" customFormat="1" x14ac:dyDescent="0.15">
      <c r="B22" s="328"/>
      <c r="C22" s="329"/>
      <c r="D22" s="329"/>
      <c r="E22" s="329"/>
      <c r="F22" s="329"/>
      <c r="G22" s="329"/>
      <c r="H22" s="329"/>
      <c r="I22" s="329"/>
      <c r="J22" s="329"/>
      <c r="K22" s="329"/>
      <c r="L22" s="330"/>
      <c r="M22" s="118"/>
      <c r="N22" s="119" t="s">
        <v>77</v>
      </c>
      <c r="O22" s="331"/>
      <c r="P22" s="332"/>
      <c r="Q22" s="332"/>
      <c r="R22" s="332"/>
      <c r="S22" s="332"/>
      <c r="T22" s="332"/>
      <c r="U22" s="332"/>
      <c r="V22" s="332"/>
      <c r="W22" s="332"/>
      <c r="X22" s="332"/>
      <c r="Y22" s="332"/>
      <c r="Z22" s="332"/>
      <c r="AA22" s="332"/>
      <c r="AB22" s="332"/>
      <c r="AC22" s="332"/>
      <c r="AD22" s="332"/>
      <c r="AE22" s="332"/>
      <c r="AF22" s="333"/>
    </row>
    <row r="23" spans="2:32" s="112" customFormat="1" x14ac:dyDescent="0.15">
      <c r="B23" s="322" t="s">
        <v>5</v>
      </c>
      <c r="C23" s="323"/>
      <c r="D23" s="323"/>
      <c r="E23" s="323"/>
      <c r="F23" s="323"/>
      <c r="G23" s="323"/>
      <c r="H23" s="323"/>
      <c r="I23" s="323"/>
      <c r="J23" s="323"/>
      <c r="K23" s="323"/>
      <c r="L23" s="324"/>
      <c r="M23" s="115"/>
      <c r="N23" s="117" t="s">
        <v>77</v>
      </c>
      <c r="O23" s="331"/>
      <c r="P23" s="332"/>
      <c r="Q23" s="332"/>
      <c r="R23" s="332"/>
      <c r="S23" s="332"/>
      <c r="T23" s="332"/>
      <c r="U23" s="332"/>
      <c r="V23" s="332"/>
      <c r="W23" s="332"/>
      <c r="X23" s="332"/>
      <c r="Y23" s="332"/>
      <c r="Z23" s="332"/>
      <c r="AA23" s="332"/>
      <c r="AB23" s="332"/>
      <c r="AC23" s="332"/>
      <c r="AD23" s="332"/>
      <c r="AE23" s="332"/>
      <c r="AF23" s="333"/>
    </row>
    <row r="24" spans="2:32" s="112" customFormat="1" x14ac:dyDescent="0.15">
      <c r="B24" s="325"/>
      <c r="C24" s="326"/>
      <c r="D24" s="326"/>
      <c r="E24" s="326"/>
      <c r="F24" s="326"/>
      <c r="G24" s="326"/>
      <c r="H24" s="326"/>
      <c r="I24" s="326"/>
      <c r="J24" s="326"/>
      <c r="K24" s="326"/>
      <c r="L24" s="327"/>
      <c r="M24" s="115"/>
      <c r="N24" s="117" t="s">
        <v>77</v>
      </c>
      <c r="O24" s="331"/>
      <c r="P24" s="332"/>
      <c r="Q24" s="332"/>
      <c r="R24" s="332"/>
      <c r="S24" s="332"/>
      <c r="T24" s="332"/>
      <c r="U24" s="332"/>
      <c r="V24" s="332"/>
      <c r="W24" s="332"/>
      <c r="X24" s="332"/>
      <c r="Y24" s="332"/>
      <c r="Z24" s="332"/>
      <c r="AA24" s="332"/>
      <c r="AB24" s="332"/>
      <c r="AC24" s="332"/>
      <c r="AD24" s="332"/>
      <c r="AE24" s="332"/>
      <c r="AF24" s="333"/>
    </row>
    <row r="25" spans="2:32" s="112" customFormat="1" x14ac:dyDescent="0.15">
      <c r="B25" s="328"/>
      <c r="C25" s="329"/>
      <c r="D25" s="329"/>
      <c r="E25" s="329"/>
      <c r="F25" s="329"/>
      <c r="G25" s="329"/>
      <c r="H25" s="329"/>
      <c r="I25" s="329"/>
      <c r="J25" s="329"/>
      <c r="K25" s="329"/>
      <c r="L25" s="330"/>
      <c r="M25" s="118"/>
      <c r="N25" s="119" t="s">
        <v>77</v>
      </c>
      <c r="O25" s="331"/>
      <c r="P25" s="332"/>
      <c r="Q25" s="332"/>
      <c r="R25" s="332"/>
      <c r="S25" s="332"/>
      <c r="T25" s="332"/>
      <c r="U25" s="332"/>
      <c r="V25" s="332"/>
      <c r="W25" s="332"/>
      <c r="X25" s="332"/>
      <c r="Y25" s="332"/>
      <c r="Z25" s="332"/>
      <c r="AA25" s="332"/>
      <c r="AB25" s="332"/>
      <c r="AC25" s="332"/>
      <c r="AD25" s="332"/>
      <c r="AE25" s="332"/>
      <c r="AF25" s="333"/>
    </row>
    <row r="26" spans="2:32" s="112" customFormat="1" x14ac:dyDescent="0.15">
      <c r="B26" s="322" t="s">
        <v>1</v>
      </c>
      <c r="C26" s="323"/>
      <c r="D26" s="323"/>
      <c r="E26" s="323"/>
      <c r="F26" s="323"/>
      <c r="G26" s="323"/>
      <c r="H26" s="323"/>
      <c r="I26" s="323"/>
      <c r="J26" s="323"/>
      <c r="K26" s="323"/>
      <c r="L26" s="324"/>
      <c r="M26" s="115"/>
      <c r="N26" s="117" t="s">
        <v>77</v>
      </c>
      <c r="O26" s="331"/>
      <c r="P26" s="332"/>
      <c r="Q26" s="332"/>
      <c r="R26" s="332"/>
      <c r="S26" s="332"/>
      <c r="T26" s="332"/>
      <c r="U26" s="332"/>
      <c r="V26" s="332"/>
      <c r="W26" s="332"/>
      <c r="X26" s="332"/>
      <c r="Y26" s="332"/>
      <c r="Z26" s="332"/>
      <c r="AA26" s="332"/>
      <c r="AB26" s="332"/>
      <c r="AC26" s="332"/>
      <c r="AD26" s="332"/>
      <c r="AE26" s="332"/>
      <c r="AF26" s="333"/>
    </row>
    <row r="27" spans="2:32" s="112" customFormat="1" x14ac:dyDescent="0.15">
      <c r="B27" s="334"/>
      <c r="C27" s="321"/>
      <c r="D27" s="321"/>
      <c r="E27" s="321"/>
      <c r="F27" s="321"/>
      <c r="G27" s="321"/>
      <c r="H27" s="321"/>
      <c r="I27" s="321"/>
      <c r="J27" s="321"/>
      <c r="K27" s="321"/>
      <c r="L27" s="335"/>
      <c r="M27" s="115"/>
      <c r="N27" s="117" t="s">
        <v>77</v>
      </c>
      <c r="O27" s="331"/>
      <c r="P27" s="332"/>
      <c r="Q27" s="332"/>
      <c r="R27" s="332"/>
      <c r="S27" s="332"/>
      <c r="T27" s="332"/>
      <c r="U27" s="332"/>
      <c r="V27" s="332"/>
      <c r="W27" s="332"/>
      <c r="X27" s="332"/>
      <c r="Y27" s="332"/>
      <c r="Z27" s="332"/>
      <c r="AA27" s="332"/>
      <c r="AB27" s="332"/>
      <c r="AC27" s="332"/>
      <c r="AD27" s="332"/>
      <c r="AE27" s="332"/>
      <c r="AF27" s="333"/>
    </row>
    <row r="28" spans="2:32" s="112" customFormat="1" x14ac:dyDescent="0.15">
      <c r="B28" s="336"/>
      <c r="C28" s="337"/>
      <c r="D28" s="337"/>
      <c r="E28" s="337"/>
      <c r="F28" s="337"/>
      <c r="G28" s="337"/>
      <c r="H28" s="337"/>
      <c r="I28" s="337"/>
      <c r="J28" s="337"/>
      <c r="K28" s="337"/>
      <c r="L28" s="338"/>
      <c r="M28" s="118"/>
      <c r="N28" s="119" t="s">
        <v>77</v>
      </c>
      <c r="O28" s="331"/>
      <c r="P28" s="332"/>
      <c r="Q28" s="332"/>
      <c r="R28" s="332"/>
      <c r="S28" s="332"/>
      <c r="T28" s="332"/>
      <c r="U28" s="332"/>
      <c r="V28" s="332"/>
      <c r="W28" s="332"/>
      <c r="X28" s="332"/>
      <c r="Y28" s="332"/>
      <c r="Z28" s="332"/>
      <c r="AA28" s="332"/>
      <c r="AB28" s="332"/>
      <c r="AC28" s="332"/>
      <c r="AD28" s="332"/>
      <c r="AE28" s="332"/>
      <c r="AF28" s="333"/>
    </row>
    <row r="29" spans="2:32" s="112" customFormat="1" x14ac:dyDescent="0.15">
      <c r="B29" s="322" t="s">
        <v>4</v>
      </c>
      <c r="C29" s="323"/>
      <c r="D29" s="323"/>
      <c r="E29" s="323"/>
      <c r="F29" s="323"/>
      <c r="G29" s="323"/>
      <c r="H29" s="323"/>
      <c r="I29" s="323"/>
      <c r="J29" s="323"/>
      <c r="K29" s="323"/>
      <c r="L29" s="324"/>
      <c r="M29" s="115"/>
      <c r="N29" s="117" t="s">
        <v>77</v>
      </c>
      <c r="O29" s="331"/>
      <c r="P29" s="332"/>
      <c r="Q29" s="332"/>
      <c r="R29" s="332"/>
      <c r="S29" s="332"/>
      <c r="T29" s="332"/>
      <c r="U29" s="332"/>
      <c r="V29" s="332"/>
      <c r="W29" s="332"/>
      <c r="X29" s="332"/>
      <c r="Y29" s="332"/>
      <c r="Z29" s="332"/>
      <c r="AA29" s="332"/>
      <c r="AB29" s="332"/>
      <c r="AC29" s="332"/>
      <c r="AD29" s="332"/>
      <c r="AE29" s="332"/>
      <c r="AF29" s="333"/>
    </row>
    <row r="30" spans="2:32" s="112" customFormat="1" x14ac:dyDescent="0.15">
      <c r="B30" s="325"/>
      <c r="C30" s="326"/>
      <c r="D30" s="326"/>
      <c r="E30" s="326"/>
      <c r="F30" s="326"/>
      <c r="G30" s="326"/>
      <c r="H30" s="326"/>
      <c r="I30" s="326"/>
      <c r="J30" s="326"/>
      <c r="K30" s="326"/>
      <c r="L30" s="327"/>
      <c r="M30" s="115"/>
      <c r="N30" s="117" t="s">
        <v>77</v>
      </c>
      <c r="O30" s="331"/>
      <c r="P30" s="332"/>
      <c r="Q30" s="332"/>
      <c r="R30" s="332"/>
      <c r="S30" s="332"/>
      <c r="T30" s="332"/>
      <c r="U30" s="332"/>
      <c r="V30" s="332"/>
      <c r="W30" s="332"/>
      <c r="X30" s="332"/>
      <c r="Y30" s="332"/>
      <c r="Z30" s="332"/>
      <c r="AA30" s="332"/>
      <c r="AB30" s="332"/>
      <c r="AC30" s="332"/>
      <c r="AD30" s="332"/>
      <c r="AE30" s="332"/>
      <c r="AF30" s="333"/>
    </row>
    <row r="31" spans="2:32" s="112" customFormat="1" x14ac:dyDescent="0.15">
      <c r="B31" s="328"/>
      <c r="C31" s="329"/>
      <c r="D31" s="329"/>
      <c r="E31" s="329"/>
      <c r="F31" s="329"/>
      <c r="G31" s="329"/>
      <c r="H31" s="329"/>
      <c r="I31" s="329"/>
      <c r="J31" s="329"/>
      <c r="K31" s="329"/>
      <c r="L31" s="330"/>
      <c r="M31" s="118"/>
      <c r="N31" s="119" t="s">
        <v>77</v>
      </c>
      <c r="O31" s="331"/>
      <c r="P31" s="332"/>
      <c r="Q31" s="332"/>
      <c r="R31" s="332"/>
      <c r="S31" s="332"/>
      <c r="T31" s="332"/>
      <c r="U31" s="332"/>
      <c r="V31" s="332"/>
      <c r="W31" s="332"/>
      <c r="X31" s="332"/>
      <c r="Y31" s="332"/>
      <c r="Z31" s="332"/>
      <c r="AA31" s="332"/>
      <c r="AB31" s="332"/>
      <c r="AC31" s="332"/>
      <c r="AD31" s="332"/>
      <c r="AE31" s="332"/>
      <c r="AF31" s="333"/>
    </row>
    <row r="32" spans="2:32" s="112" customFormat="1" x14ac:dyDescent="0.15">
      <c r="B32" s="322" t="s">
        <v>82</v>
      </c>
      <c r="C32" s="323"/>
      <c r="D32" s="323"/>
      <c r="E32" s="323"/>
      <c r="F32" s="323"/>
      <c r="G32" s="323"/>
      <c r="H32" s="323"/>
      <c r="I32" s="323"/>
      <c r="J32" s="323"/>
      <c r="K32" s="323"/>
      <c r="L32" s="324"/>
      <c r="M32" s="115"/>
      <c r="N32" s="117" t="s">
        <v>77</v>
      </c>
      <c r="O32" s="331"/>
      <c r="P32" s="332"/>
      <c r="Q32" s="332"/>
      <c r="R32" s="332"/>
      <c r="S32" s="332"/>
      <c r="T32" s="332"/>
      <c r="U32" s="332"/>
      <c r="V32" s="332"/>
      <c r="W32" s="332"/>
      <c r="X32" s="332"/>
      <c r="Y32" s="332"/>
      <c r="Z32" s="332"/>
      <c r="AA32" s="332"/>
      <c r="AB32" s="332"/>
      <c r="AC32" s="332"/>
      <c r="AD32" s="332"/>
      <c r="AE32" s="332"/>
      <c r="AF32" s="333"/>
    </row>
    <row r="33" spans="1:33" s="112" customFormat="1" x14ac:dyDescent="0.15">
      <c r="B33" s="334"/>
      <c r="C33" s="321"/>
      <c r="D33" s="321"/>
      <c r="E33" s="321"/>
      <c r="F33" s="321"/>
      <c r="G33" s="321"/>
      <c r="H33" s="321"/>
      <c r="I33" s="321"/>
      <c r="J33" s="321"/>
      <c r="K33" s="321"/>
      <c r="L33" s="335"/>
      <c r="M33" s="115"/>
      <c r="N33" s="117" t="s">
        <v>77</v>
      </c>
      <c r="O33" s="331"/>
      <c r="P33" s="332"/>
      <c r="Q33" s="332"/>
      <c r="R33" s="332"/>
      <c r="S33" s="332"/>
      <c r="T33" s="332"/>
      <c r="U33" s="332"/>
      <c r="V33" s="332"/>
      <c r="W33" s="332"/>
      <c r="X33" s="332"/>
      <c r="Y33" s="332"/>
      <c r="Z33" s="332"/>
      <c r="AA33" s="332"/>
      <c r="AB33" s="332"/>
      <c r="AC33" s="332"/>
      <c r="AD33" s="332"/>
      <c r="AE33" s="332"/>
      <c r="AF33" s="333"/>
    </row>
    <row r="34" spans="1:33" s="112" customFormat="1" x14ac:dyDescent="0.15">
      <c r="B34" s="336"/>
      <c r="C34" s="337"/>
      <c r="D34" s="337"/>
      <c r="E34" s="337"/>
      <c r="F34" s="337"/>
      <c r="G34" s="337"/>
      <c r="H34" s="337"/>
      <c r="I34" s="337"/>
      <c r="J34" s="337"/>
      <c r="K34" s="337"/>
      <c r="L34" s="338"/>
      <c r="M34" s="118"/>
      <c r="N34" s="119" t="s">
        <v>77</v>
      </c>
      <c r="O34" s="331"/>
      <c r="P34" s="332"/>
      <c r="Q34" s="332"/>
      <c r="R34" s="332"/>
      <c r="S34" s="332"/>
      <c r="T34" s="332"/>
      <c r="U34" s="332"/>
      <c r="V34" s="332"/>
      <c r="W34" s="332"/>
      <c r="X34" s="332"/>
      <c r="Y34" s="332"/>
      <c r="Z34" s="332"/>
      <c r="AA34" s="332"/>
      <c r="AB34" s="332"/>
      <c r="AC34" s="332"/>
      <c r="AD34" s="332"/>
      <c r="AE34" s="332"/>
      <c r="AF34" s="333"/>
    </row>
    <row r="35" spans="1:33" s="112" customFormat="1" x14ac:dyDescent="0.15">
      <c r="B35" s="322" t="s">
        <v>81</v>
      </c>
      <c r="C35" s="323"/>
      <c r="D35" s="323"/>
      <c r="E35" s="323"/>
      <c r="F35" s="323"/>
      <c r="G35" s="323"/>
      <c r="H35" s="323"/>
      <c r="I35" s="323"/>
      <c r="J35" s="323"/>
      <c r="K35" s="323"/>
      <c r="L35" s="324"/>
      <c r="M35" s="115"/>
      <c r="N35" s="117" t="s">
        <v>77</v>
      </c>
      <c r="O35" s="331"/>
      <c r="P35" s="332"/>
      <c r="Q35" s="332"/>
      <c r="R35" s="332"/>
      <c r="S35" s="332"/>
      <c r="T35" s="332"/>
      <c r="U35" s="332"/>
      <c r="V35" s="332"/>
      <c r="W35" s="332"/>
      <c r="X35" s="332"/>
      <c r="Y35" s="332"/>
      <c r="Z35" s="332"/>
      <c r="AA35" s="332"/>
      <c r="AB35" s="332"/>
      <c r="AC35" s="332"/>
      <c r="AD35" s="332"/>
      <c r="AE35" s="332"/>
      <c r="AF35" s="333"/>
    </row>
    <row r="36" spans="1:33" s="112" customFormat="1" x14ac:dyDescent="0.15">
      <c r="B36" s="334"/>
      <c r="C36" s="321"/>
      <c r="D36" s="321"/>
      <c r="E36" s="321"/>
      <c r="F36" s="321"/>
      <c r="G36" s="321"/>
      <c r="H36" s="321"/>
      <c r="I36" s="321"/>
      <c r="J36" s="321"/>
      <c r="K36" s="321"/>
      <c r="L36" s="335"/>
      <c r="M36" s="115"/>
      <c r="N36" s="117" t="s">
        <v>77</v>
      </c>
      <c r="O36" s="331"/>
      <c r="P36" s="332"/>
      <c r="Q36" s="332"/>
      <c r="R36" s="332"/>
      <c r="S36" s="332"/>
      <c r="T36" s="332"/>
      <c r="U36" s="332"/>
      <c r="V36" s="332"/>
      <c r="W36" s="332"/>
      <c r="X36" s="332"/>
      <c r="Y36" s="332"/>
      <c r="Z36" s="332"/>
      <c r="AA36" s="332"/>
      <c r="AB36" s="332"/>
      <c r="AC36" s="332"/>
      <c r="AD36" s="332"/>
      <c r="AE36" s="332"/>
      <c r="AF36" s="333"/>
    </row>
    <row r="37" spans="1:33" s="112" customFormat="1" x14ac:dyDescent="0.15">
      <c r="B37" s="336"/>
      <c r="C37" s="337"/>
      <c r="D37" s="337"/>
      <c r="E37" s="337"/>
      <c r="F37" s="337"/>
      <c r="G37" s="337"/>
      <c r="H37" s="337"/>
      <c r="I37" s="337"/>
      <c r="J37" s="337"/>
      <c r="K37" s="337"/>
      <c r="L37" s="338"/>
      <c r="M37" s="118"/>
      <c r="N37" s="119" t="s">
        <v>77</v>
      </c>
      <c r="O37" s="331"/>
      <c r="P37" s="332"/>
      <c r="Q37" s="332"/>
      <c r="R37" s="332"/>
      <c r="S37" s="332"/>
      <c r="T37" s="332"/>
      <c r="U37" s="332"/>
      <c r="V37" s="332"/>
      <c r="W37" s="332"/>
      <c r="X37" s="332"/>
      <c r="Y37" s="332"/>
      <c r="Z37" s="332"/>
      <c r="AA37" s="332"/>
      <c r="AB37" s="332"/>
      <c r="AC37" s="332"/>
      <c r="AD37" s="332"/>
      <c r="AE37" s="332"/>
      <c r="AF37" s="333"/>
    </row>
    <row r="38" spans="1:33" s="112" customFormat="1" x14ac:dyDescent="0.15">
      <c r="B38" s="339" t="s">
        <v>3</v>
      </c>
      <c r="C38" s="340"/>
      <c r="D38" s="340"/>
      <c r="E38" s="340"/>
      <c r="F38" s="340"/>
      <c r="G38" s="340"/>
      <c r="H38" s="340"/>
      <c r="I38" s="340"/>
      <c r="J38" s="340"/>
      <c r="K38" s="340"/>
      <c r="L38" s="341"/>
      <c r="M38" s="115"/>
      <c r="N38" s="117" t="s">
        <v>77</v>
      </c>
      <c r="O38" s="342"/>
      <c r="P38" s="343"/>
      <c r="Q38" s="343"/>
      <c r="R38" s="343"/>
      <c r="S38" s="343"/>
      <c r="T38" s="343"/>
      <c r="U38" s="343"/>
      <c r="V38" s="343"/>
      <c r="W38" s="343"/>
      <c r="X38" s="343"/>
      <c r="Y38" s="343"/>
      <c r="Z38" s="343"/>
      <c r="AA38" s="343"/>
      <c r="AB38" s="343"/>
      <c r="AC38" s="343"/>
      <c r="AD38" s="343"/>
      <c r="AE38" s="343"/>
      <c r="AF38" s="344"/>
    </row>
    <row r="39" spans="1:33" s="112" customFormat="1" x14ac:dyDescent="0.15">
      <c r="A39" s="120"/>
      <c r="B39" s="334"/>
      <c r="C39" s="323"/>
      <c r="D39" s="321"/>
      <c r="E39" s="321"/>
      <c r="F39" s="321"/>
      <c r="G39" s="321"/>
      <c r="H39" s="321"/>
      <c r="I39" s="321"/>
      <c r="J39" s="321"/>
      <c r="K39" s="321"/>
      <c r="L39" s="335"/>
      <c r="M39" s="121"/>
      <c r="N39" s="122" t="s">
        <v>77</v>
      </c>
      <c r="O39" s="345"/>
      <c r="P39" s="346"/>
      <c r="Q39" s="346"/>
      <c r="R39" s="346"/>
      <c r="S39" s="346"/>
      <c r="T39" s="346"/>
      <c r="U39" s="346"/>
      <c r="V39" s="346"/>
      <c r="W39" s="346"/>
      <c r="X39" s="346"/>
      <c r="Y39" s="346"/>
      <c r="Z39" s="346"/>
      <c r="AA39" s="346"/>
      <c r="AB39" s="346"/>
      <c r="AC39" s="346"/>
      <c r="AD39" s="346"/>
      <c r="AE39" s="346"/>
      <c r="AF39" s="347"/>
    </row>
    <row r="40" spans="1:33" s="112" customFormat="1" ht="17.25" customHeight="1" x14ac:dyDescent="0.15">
      <c r="B40" s="336"/>
      <c r="C40" s="337"/>
      <c r="D40" s="337"/>
      <c r="E40" s="337"/>
      <c r="F40" s="337"/>
      <c r="G40" s="337"/>
      <c r="H40" s="337"/>
      <c r="I40" s="337"/>
      <c r="J40" s="337"/>
      <c r="K40" s="337"/>
      <c r="L40" s="338"/>
      <c r="M40" s="118"/>
      <c r="N40" s="119" t="s">
        <v>77</v>
      </c>
      <c r="O40" s="331"/>
      <c r="P40" s="332"/>
      <c r="Q40" s="332"/>
      <c r="R40" s="332"/>
      <c r="S40" s="332"/>
      <c r="T40" s="332"/>
      <c r="U40" s="332"/>
      <c r="V40" s="332"/>
      <c r="W40" s="332"/>
      <c r="X40" s="332"/>
      <c r="Y40" s="332"/>
      <c r="Z40" s="332"/>
      <c r="AA40" s="332"/>
      <c r="AB40" s="332"/>
      <c r="AC40" s="332"/>
      <c r="AD40" s="332"/>
      <c r="AE40" s="332"/>
      <c r="AF40" s="333"/>
    </row>
    <row r="41" spans="1:33" s="112" customFormat="1" x14ac:dyDescent="0.15">
      <c r="B41" s="322" t="s">
        <v>2</v>
      </c>
      <c r="C41" s="323"/>
      <c r="D41" s="323"/>
      <c r="E41" s="323"/>
      <c r="F41" s="323"/>
      <c r="G41" s="323"/>
      <c r="H41" s="323"/>
      <c r="I41" s="323"/>
      <c r="J41" s="323"/>
      <c r="K41" s="323"/>
      <c r="L41" s="324"/>
      <c r="M41" s="115"/>
      <c r="N41" s="117" t="s">
        <v>77</v>
      </c>
      <c r="O41" s="331"/>
      <c r="P41" s="332"/>
      <c r="Q41" s="332"/>
      <c r="R41" s="332"/>
      <c r="S41" s="332"/>
      <c r="T41" s="332"/>
      <c r="U41" s="332"/>
      <c r="V41" s="332"/>
      <c r="W41" s="332"/>
      <c r="X41" s="332"/>
      <c r="Y41" s="332"/>
      <c r="Z41" s="332"/>
      <c r="AA41" s="332"/>
      <c r="AB41" s="332"/>
      <c r="AC41" s="332"/>
      <c r="AD41" s="332"/>
      <c r="AE41" s="332"/>
      <c r="AF41" s="333"/>
    </row>
    <row r="42" spans="1:33" s="112" customFormat="1" x14ac:dyDescent="0.15">
      <c r="B42" s="334"/>
      <c r="C42" s="321"/>
      <c r="D42" s="321"/>
      <c r="E42" s="321"/>
      <c r="F42" s="321"/>
      <c r="G42" s="321"/>
      <c r="H42" s="321"/>
      <c r="I42" s="321"/>
      <c r="J42" s="321"/>
      <c r="K42" s="321"/>
      <c r="L42" s="335"/>
      <c r="M42" s="115"/>
      <c r="N42" s="117" t="s">
        <v>77</v>
      </c>
      <c r="O42" s="331"/>
      <c r="P42" s="332"/>
      <c r="Q42" s="332"/>
      <c r="R42" s="332"/>
      <c r="S42" s="332"/>
      <c r="T42" s="332"/>
      <c r="U42" s="332"/>
      <c r="V42" s="332"/>
      <c r="W42" s="332"/>
      <c r="X42" s="332"/>
      <c r="Y42" s="332"/>
      <c r="Z42" s="332"/>
      <c r="AA42" s="332"/>
      <c r="AB42" s="332"/>
      <c r="AC42" s="332"/>
      <c r="AD42" s="332"/>
      <c r="AE42" s="332"/>
      <c r="AF42" s="333"/>
    </row>
    <row r="43" spans="1:33" ht="18" thickBot="1" x14ac:dyDescent="0.2">
      <c r="A43" s="112"/>
      <c r="B43" s="336"/>
      <c r="C43" s="337"/>
      <c r="D43" s="337"/>
      <c r="E43" s="337"/>
      <c r="F43" s="337"/>
      <c r="G43" s="337"/>
      <c r="H43" s="337"/>
      <c r="I43" s="337"/>
      <c r="J43" s="337"/>
      <c r="K43" s="337"/>
      <c r="L43" s="338"/>
      <c r="M43" s="123"/>
      <c r="N43" s="124" t="s">
        <v>77</v>
      </c>
      <c r="O43" s="348"/>
      <c r="P43" s="349"/>
      <c r="Q43" s="349"/>
      <c r="R43" s="349"/>
      <c r="S43" s="349"/>
      <c r="T43" s="349"/>
      <c r="U43" s="349"/>
      <c r="V43" s="349"/>
      <c r="W43" s="349"/>
      <c r="X43" s="349"/>
      <c r="Y43" s="349"/>
      <c r="Z43" s="349"/>
      <c r="AA43" s="349"/>
      <c r="AB43" s="349"/>
      <c r="AC43" s="349"/>
      <c r="AD43" s="349"/>
      <c r="AE43" s="349"/>
      <c r="AF43" s="350"/>
      <c r="AG43" s="112"/>
    </row>
    <row r="44" spans="1:33" ht="18" thickTop="1" x14ac:dyDescent="0.15">
      <c r="A44" s="112"/>
      <c r="B44" s="351" t="s">
        <v>80</v>
      </c>
      <c r="C44" s="352"/>
      <c r="D44" s="352"/>
      <c r="E44" s="352"/>
      <c r="F44" s="352"/>
      <c r="G44" s="352"/>
      <c r="H44" s="352"/>
      <c r="I44" s="352"/>
      <c r="J44" s="352"/>
      <c r="K44" s="352"/>
      <c r="L44" s="353"/>
      <c r="M44" s="125"/>
      <c r="N44" s="126" t="s">
        <v>77</v>
      </c>
      <c r="O44" s="354"/>
      <c r="P44" s="355"/>
      <c r="Q44" s="355"/>
      <c r="R44" s="355"/>
      <c r="S44" s="355"/>
      <c r="T44" s="355"/>
      <c r="U44" s="355"/>
      <c r="V44" s="355"/>
      <c r="W44" s="355"/>
      <c r="X44" s="355"/>
      <c r="Y44" s="355"/>
      <c r="Z44" s="355"/>
      <c r="AA44" s="355"/>
      <c r="AB44" s="355"/>
      <c r="AC44" s="355"/>
      <c r="AD44" s="355"/>
      <c r="AE44" s="355"/>
      <c r="AF44" s="356"/>
      <c r="AG44" s="112"/>
    </row>
    <row r="45" spans="1:33" x14ac:dyDescent="0.15">
      <c r="A45" s="112"/>
      <c r="B45" s="334"/>
      <c r="C45" s="321"/>
      <c r="D45" s="321"/>
      <c r="E45" s="321"/>
      <c r="F45" s="321"/>
      <c r="G45" s="321"/>
      <c r="H45" s="321"/>
      <c r="I45" s="321"/>
      <c r="J45" s="321"/>
      <c r="K45" s="321"/>
      <c r="L45" s="335"/>
      <c r="M45" s="115"/>
      <c r="N45" s="117" t="s">
        <v>77</v>
      </c>
      <c r="O45" s="331"/>
      <c r="P45" s="332"/>
      <c r="Q45" s="332"/>
      <c r="R45" s="332"/>
      <c r="S45" s="332"/>
      <c r="T45" s="332"/>
      <c r="U45" s="332"/>
      <c r="V45" s="332"/>
      <c r="W45" s="332"/>
      <c r="X45" s="332"/>
      <c r="Y45" s="332"/>
      <c r="Z45" s="332"/>
      <c r="AA45" s="332"/>
      <c r="AB45" s="332"/>
      <c r="AC45" s="332"/>
      <c r="AD45" s="332"/>
      <c r="AE45" s="332"/>
      <c r="AF45" s="333"/>
      <c r="AG45" s="112"/>
    </row>
    <row r="46" spans="1:33" x14ac:dyDescent="0.15">
      <c r="A46" s="112"/>
      <c r="B46" s="336"/>
      <c r="C46" s="337"/>
      <c r="D46" s="337"/>
      <c r="E46" s="337"/>
      <c r="F46" s="337"/>
      <c r="G46" s="337"/>
      <c r="H46" s="337"/>
      <c r="I46" s="337"/>
      <c r="J46" s="337"/>
      <c r="K46" s="337"/>
      <c r="L46" s="338"/>
      <c r="M46" s="118"/>
      <c r="N46" s="119" t="s">
        <v>77</v>
      </c>
      <c r="O46" s="331"/>
      <c r="P46" s="332"/>
      <c r="Q46" s="332"/>
      <c r="R46" s="332"/>
      <c r="S46" s="332"/>
      <c r="T46" s="332"/>
      <c r="U46" s="332"/>
      <c r="V46" s="332"/>
      <c r="W46" s="332"/>
      <c r="X46" s="332"/>
      <c r="Y46" s="332"/>
      <c r="Z46" s="332"/>
      <c r="AA46" s="332"/>
      <c r="AB46" s="332"/>
      <c r="AC46" s="332"/>
      <c r="AD46" s="332"/>
      <c r="AE46" s="332"/>
      <c r="AF46" s="333"/>
      <c r="AG46" s="112"/>
    </row>
    <row r="47" spans="1:33" x14ac:dyDescent="0.15">
      <c r="A47" s="112"/>
      <c r="B47" s="322" t="s">
        <v>79</v>
      </c>
      <c r="C47" s="323"/>
      <c r="D47" s="323"/>
      <c r="E47" s="323"/>
      <c r="F47" s="323"/>
      <c r="G47" s="323"/>
      <c r="H47" s="323"/>
      <c r="I47" s="323"/>
      <c r="J47" s="323"/>
      <c r="K47" s="323"/>
      <c r="L47" s="324"/>
      <c r="M47" s="115"/>
      <c r="N47" s="117" t="s">
        <v>77</v>
      </c>
      <c r="O47" s="331"/>
      <c r="P47" s="332"/>
      <c r="Q47" s="332"/>
      <c r="R47" s="332"/>
      <c r="S47" s="332"/>
      <c r="T47" s="332"/>
      <c r="U47" s="332"/>
      <c r="V47" s="332"/>
      <c r="W47" s="332"/>
      <c r="X47" s="332"/>
      <c r="Y47" s="332"/>
      <c r="Z47" s="332"/>
      <c r="AA47" s="332"/>
      <c r="AB47" s="332"/>
      <c r="AC47" s="332"/>
      <c r="AD47" s="332"/>
      <c r="AE47" s="332"/>
      <c r="AF47" s="333"/>
      <c r="AG47" s="112"/>
    </row>
    <row r="48" spans="1:33" x14ac:dyDescent="0.15">
      <c r="A48" s="112"/>
      <c r="B48" s="334"/>
      <c r="C48" s="321"/>
      <c r="D48" s="321"/>
      <c r="E48" s="321"/>
      <c r="F48" s="321"/>
      <c r="G48" s="321"/>
      <c r="H48" s="321"/>
      <c r="I48" s="321"/>
      <c r="J48" s="321"/>
      <c r="K48" s="321"/>
      <c r="L48" s="335"/>
      <c r="M48" s="115"/>
      <c r="N48" s="117" t="s">
        <v>77</v>
      </c>
      <c r="O48" s="331"/>
      <c r="P48" s="332"/>
      <c r="Q48" s="332"/>
      <c r="R48" s="332"/>
      <c r="S48" s="332"/>
      <c r="T48" s="332"/>
      <c r="U48" s="332"/>
      <c r="V48" s="332"/>
      <c r="W48" s="332"/>
      <c r="X48" s="332"/>
      <c r="Y48" s="332"/>
      <c r="Z48" s="332"/>
      <c r="AA48" s="332"/>
      <c r="AB48" s="332"/>
      <c r="AC48" s="332"/>
      <c r="AD48" s="332"/>
      <c r="AE48" s="332"/>
      <c r="AF48" s="333"/>
      <c r="AG48" s="112"/>
    </row>
    <row r="49" spans="1:33" x14ac:dyDescent="0.15">
      <c r="A49" s="112"/>
      <c r="B49" s="336"/>
      <c r="C49" s="337"/>
      <c r="D49" s="337"/>
      <c r="E49" s="337"/>
      <c r="F49" s="337"/>
      <c r="G49" s="337"/>
      <c r="H49" s="337"/>
      <c r="I49" s="337"/>
      <c r="J49" s="337"/>
      <c r="K49" s="337"/>
      <c r="L49" s="338"/>
      <c r="M49" s="118"/>
      <c r="N49" s="119" t="s">
        <v>77</v>
      </c>
      <c r="O49" s="331"/>
      <c r="P49" s="332"/>
      <c r="Q49" s="332"/>
      <c r="R49" s="332"/>
      <c r="S49" s="332"/>
      <c r="T49" s="332"/>
      <c r="U49" s="332"/>
      <c r="V49" s="332"/>
      <c r="W49" s="332"/>
      <c r="X49" s="332"/>
      <c r="Y49" s="332"/>
      <c r="Z49" s="332"/>
      <c r="AA49" s="332"/>
      <c r="AB49" s="332"/>
      <c r="AC49" s="332"/>
      <c r="AD49" s="332"/>
      <c r="AE49" s="332"/>
      <c r="AF49" s="333"/>
      <c r="AG49" s="112"/>
    </row>
    <row r="50" spans="1:33" x14ac:dyDescent="0.15">
      <c r="A50" s="112"/>
      <c r="B50" s="322" t="s">
        <v>78</v>
      </c>
      <c r="C50" s="323"/>
      <c r="D50" s="323"/>
      <c r="E50" s="323"/>
      <c r="F50" s="323"/>
      <c r="G50" s="323"/>
      <c r="H50" s="323"/>
      <c r="I50" s="323"/>
      <c r="J50" s="323"/>
      <c r="K50" s="323"/>
      <c r="L50" s="324"/>
      <c r="M50" s="115"/>
      <c r="N50" s="117" t="s">
        <v>77</v>
      </c>
      <c r="O50" s="331"/>
      <c r="P50" s="332"/>
      <c r="Q50" s="332"/>
      <c r="R50" s="332"/>
      <c r="S50" s="332"/>
      <c r="T50" s="332"/>
      <c r="U50" s="332"/>
      <c r="V50" s="332"/>
      <c r="W50" s="332"/>
      <c r="X50" s="332"/>
      <c r="Y50" s="332"/>
      <c r="Z50" s="332"/>
      <c r="AA50" s="332"/>
      <c r="AB50" s="332"/>
      <c r="AC50" s="332"/>
      <c r="AD50" s="332"/>
      <c r="AE50" s="332"/>
      <c r="AF50" s="333"/>
      <c r="AG50" s="112"/>
    </row>
    <row r="51" spans="1:33" x14ac:dyDescent="0.15">
      <c r="A51" s="112"/>
      <c r="B51" s="325"/>
      <c r="C51" s="326"/>
      <c r="D51" s="326"/>
      <c r="E51" s="326"/>
      <c r="F51" s="326"/>
      <c r="G51" s="326"/>
      <c r="H51" s="326"/>
      <c r="I51" s="326"/>
      <c r="J51" s="326"/>
      <c r="K51" s="326"/>
      <c r="L51" s="327"/>
      <c r="M51" s="115"/>
      <c r="N51" s="117" t="s">
        <v>77</v>
      </c>
      <c r="O51" s="331"/>
      <c r="P51" s="332"/>
      <c r="Q51" s="332"/>
      <c r="R51" s="332"/>
      <c r="S51" s="332"/>
      <c r="T51" s="332"/>
      <c r="U51" s="332"/>
      <c r="V51" s="332"/>
      <c r="W51" s="332"/>
      <c r="X51" s="332"/>
      <c r="Y51" s="332"/>
      <c r="Z51" s="332"/>
      <c r="AA51" s="332"/>
      <c r="AB51" s="332"/>
      <c r="AC51" s="332"/>
      <c r="AD51" s="332"/>
      <c r="AE51" s="332"/>
      <c r="AF51" s="333"/>
      <c r="AG51" s="112"/>
    </row>
    <row r="52" spans="1:33" x14ac:dyDescent="0.15">
      <c r="A52" s="112"/>
      <c r="B52" s="328"/>
      <c r="C52" s="329"/>
      <c r="D52" s="329"/>
      <c r="E52" s="329"/>
      <c r="F52" s="329"/>
      <c r="G52" s="329"/>
      <c r="H52" s="329"/>
      <c r="I52" s="329"/>
      <c r="J52" s="329"/>
      <c r="K52" s="329"/>
      <c r="L52" s="330"/>
      <c r="M52" s="115"/>
      <c r="N52" s="117" t="s">
        <v>77</v>
      </c>
      <c r="O52" s="342"/>
      <c r="P52" s="343"/>
      <c r="Q52" s="343"/>
      <c r="R52" s="343"/>
      <c r="S52" s="343"/>
      <c r="T52" s="343"/>
      <c r="U52" s="343"/>
      <c r="V52" s="343"/>
      <c r="W52" s="343"/>
      <c r="X52" s="343"/>
      <c r="Y52" s="343"/>
      <c r="Z52" s="343"/>
      <c r="AA52" s="343"/>
      <c r="AB52" s="343"/>
      <c r="AC52" s="343"/>
      <c r="AD52" s="343"/>
      <c r="AE52" s="343"/>
      <c r="AF52" s="344"/>
      <c r="AG52" s="112"/>
    </row>
    <row r="54" spans="1:33" x14ac:dyDescent="0.15">
      <c r="B54" s="105" t="s">
        <v>76</v>
      </c>
    </row>
    <row r="55" spans="1:33" x14ac:dyDescent="0.15">
      <c r="B55" s="105" t="s">
        <v>137</v>
      </c>
    </row>
    <row r="57" spans="1:33" x14ac:dyDescent="0.15">
      <c r="A57" s="105" t="s">
        <v>75</v>
      </c>
      <c r="M57" s="127"/>
      <c r="N57" s="105" t="s">
        <v>9</v>
      </c>
      <c r="O57" s="357"/>
      <c r="P57" s="357"/>
      <c r="Q57" s="105" t="s">
        <v>24</v>
      </c>
      <c r="R57" s="357"/>
      <c r="S57" s="357"/>
      <c r="T57" s="105" t="s">
        <v>25</v>
      </c>
    </row>
    <row r="122" spans="3:7" x14ac:dyDescent="0.15">
      <c r="C122" s="128"/>
      <c r="D122" s="128"/>
      <c r="E122" s="128"/>
      <c r="F122" s="128"/>
      <c r="G122" s="128"/>
    </row>
    <row r="123" spans="3:7" x14ac:dyDescent="0.15">
      <c r="C123" s="129"/>
    </row>
  </sheetData>
  <mergeCells count="59">
    <mergeCell ref="B50:L52"/>
    <mergeCell ref="O50:AF50"/>
    <mergeCell ref="O51:AF51"/>
    <mergeCell ref="O52:AF52"/>
    <mergeCell ref="O57:P57"/>
    <mergeCell ref="R57:S57"/>
    <mergeCell ref="B44:L46"/>
    <mergeCell ref="O44:AF44"/>
    <mergeCell ref="O45:AF45"/>
    <mergeCell ref="O46:AF46"/>
    <mergeCell ref="B47:L49"/>
    <mergeCell ref="O47:AF47"/>
    <mergeCell ref="O48:AF48"/>
    <mergeCell ref="O49:AF49"/>
    <mergeCell ref="B38:L40"/>
    <mergeCell ref="O38:AF38"/>
    <mergeCell ref="O39:AF39"/>
    <mergeCell ref="O40:AF40"/>
    <mergeCell ref="B41:L43"/>
    <mergeCell ref="O41:AF41"/>
    <mergeCell ref="O42:AF42"/>
    <mergeCell ref="O43:AF43"/>
    <mergeCell ref="B32:L34"/>
    <mergeCell ref="O32:AF32"/>
    <mergeCell ref="O33:AF33"/>
    <mergeCell ref="O34:AF34"/>
    <mergeCell ref="B35:L37"/>
    <mergeCell ref="O35:AF35"/>
    <mergeCell ref="O36:AF36"/>
    <mergeCell ref="O37:AF37"/>
    <mergeCell ref="B26:L28"/>
    <mergeCell ref="O26:AF26"/>
    <mergeCell ref="O27:AF27"/>
    <mergeCell ref="O28:AF28"/>
    <mergeCell ref="B29:L31"/>
    <mergeCell ref="O29:AF29"/>
    <mergeCell ref="O30:AF30"/>
    <mergeCell ref="O31:AF31"/>
    <mergeCell ref="B20:L22"/>
    <mergeCell ref="O20:AF20"/>
    <mergeCell ref="O21:AF21"/>
    <mergeCell ref="O22:AF22"/>
    <mergeCell ref="B23:L25"/>
    <mergeCell ref="O23:AF23"/>
    <mergeCell ref="O24:AF24"/>
    <mergeCell ref="O25:AF25"/>
    <mergeCell ref="B16:L16"/>
    <mergeCell ref="M16:N16"/>
    <mergeCell ref="O16:AF16"/>
    <mergeCell ref="B17:L19"/>
    <mergeCell ref="O17:AF17"/>
    <mergeCell ref="O18:AF18"/>
    <mergeCell ref="O19:AF19"/>
    <mergeCell ref="R14:V14"/>
    <mergeCell ref="X4:Y4"/>
    <mergeCell ref="AA4:AB4"/>
    <mergeCell ref="AD4:AE4"/>
    <mergeCell ref="T7:AF7"/>
    <mergeCell ref="B9:AF10"/>
  </mergeCells>
  <phoneticPr fontId="3"/>
  <pageMargins left="0.7" right="0.7" top="0.75" bottom="0.75" header="0.3" footer="0.3"/>
  <pageSetup paperSize="9" scale="77" orientation="portrait" verticalDpi="0"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K89"/>
  <sheetViews>
    <sheetView topLeftCell="A16" zoomScaleNormal="100" zoomScaleSheetLayoutView="70" workbookViewId="0">
      <selection activeCell="B4" sqref="B4"/>
    </sheetView>
  </sheetViews>
  <sheetFormatPr defaultRowHeight="13.5" x14ac:dyDescent="0.15"/>
  <cols>
    <col min="1" max="1" width="1.5" style="7" customWidth="1"/>
    <col min="2" max="2" width="10" style="7" customWidth="1"/>
    <col min="3" max="3" width="6.75" style="7" customWidth="1"/>
    <col min="4" max="4" width="10" style="7" customWidth="1"/>
    <col min="5" max="32" width="3.875" style="7" customWidth="1"/>
    <col min="33" max="35" width="9" style="7"/>
    <col min="36" max="36" width="2.5" style="7" customWidth="1"/>
    <col min="37" max="16384" width="9" style="7"/>
  </cols>
  <sheetData>
    <row r="2" spans="2:37" x14ac:dyDescent="0.15">
      <c r="B2" s="37" t="s">
        <v>127</v>
      </c>
    </row>
    <row r="3" spans="2:37" x14ac:dyDescent="0.15">
      <c r="B3" s="38"/>
    </row>
    <row r="4" spans="2:37" ht="13.5" customHeight="1" x14ac:dyDescent="0.15">
      <c r="B4" s="37" t="s">
        <v>43</v>
      </c>
      <c r="X4" s="39" t="s">
        <v>44</v>
      </c>
    </row>
    <row r="5" spans="2:37" ht="6.75" customHeight="1" x14ac:dyDescent="0.15">
      <c r="B5" s="37"/>
      <c r="W5" s="39"/>
      <c r="AJ5" s="40"/>
      <c r="AK5" s="40"/>
    </row>
    <row r="6" spans="2:37" ht="13.5" customHeight="1" x14ac:dyDescent="0.15">
      <c r="X6" s="37" t="s">
        <v>104</v>
      </c>
      <c r="AJ6" s="40"/>
      <c r="AK6" s="40"/>
    </row>
    <row r="7" spans="2:37" ht="6.75" customHeight="1" x14ac:dyDescent="0.15">
      <c r="W7" s="37"/>
      <c r="AJ7" s="40"/>
      <c r="AK7" s="40"/>
    </row>
    <row r="8" spans="2:37" ht="14.25" customHeight="1" x14ac:dyDescent="0.15">
      <c r="B8" s="37" t="s">
        <v>45</v>
      </c>
      <c r="AB8" s="37" t="s">
        <v>105</v>
      </c>
      <c r="AJ8" s="40"/>
      <c r="AK8" s="40"/>
    </row>
    <row r="9" spans="2:37" ht="14.25" customHeight="1" x14ac:dyDescent="0.15">
      <c r="B9" s="38"/>
      <c r="AJ9" s="40"/>
      <c r="AK9" s="40"/>
    </row>
    <row r="10" spans="2:37" ht="18" customHeight="1" x14ac:dyDescent="0.15">
      <c r="B10" s="232" t="s">
        <v>106</v>
      </c>
      <c r="C10" s="232" t="s">
        <v>107</v>
      </c>
      <c r="D10" s="232" t="s">
        <v>108</v>
      </c>
      <c r="E10" s="238" t="s">
        <v>46</v>
      </c>
      <c r="F10" s="239"/>
      <c r="G10" s="239"/>
      <c r="H10" s="239"/>
      <c r="I10" s="239"/>
      <c r="J10" s="239"/>
      <c r="K10" s="240"/>
      <c r="L10" s="238" t="s">
        <v>47</v>
      </c>
      <c r="M10" s="239"/>
      <c r="N10" s="239"/>
      <c r="O10" s="239"/>
      <c r="P10" s="239"/>
      <c r="Q10" s="239"/>
      <c r="R10" s="240"/>
      <c r="S10" s="238" t="s">
        <v>48</v>
      </c>
      <c r="T10" s="239"/>
      <c r="U10" s="239"/>
      <c r="V10" s="239"/>
      <c r="W10" s="239"/>
      <c r="X10" s="239"/>
      <c r="Y10" s="240"/>
      <c r="Z10" s="238" t="s">
        <v>49</v>
      </c>
      <c r="AA10" s="239"/>
      <c r="AB10" s="239"/>
      <c r="AC10" s="239"/>
      <c r="AD10" s="239"/>
      <c r="AE10" s="239"/>
      <c r="AF10" s="243"/>
      <c r="AG10" s="244" t="s">
        <v>109</v>
      </c>
      <c r="AH10" s="232" t="s">
        <v>50</v>
      </c>
      <c r="AI10" s="232" t="s">
        <v>51</v>
      </c>
      <c r="AJ10" s="40"/>
      <c r="AK10" s="40"/>
    </row>
    <row r="11" spans="2:37" ht="18" customHeight="1" x14ac:dyDescent="0.15">
      <c r="B11" s="236"/>
      <c r="C11" s="236"/>
      <c r="D11" s="236"/>
      <c r="E11" s="41">
        <v>1</v>
      </c>
      <c r="F11" s="41">
        <v>2</v>
      </c>
      <c r="G11" s="41">
        <v>3</v>
      </c>
      <c r="H11" s="41">
        <v>4</v>
      </c>
      <c r="I11" s="41">
        <v>5</v>
      </c>
      <c r="J11" s="41">
        <v>6</v>
      </c>
      <c r="K11" s="41">
        <v>7</v>
      </c>
      <c r="L11" s="41">
        <v>8</v>
      </c>
      <c r="M11" s="41">
        <v>9</v>
      </c>
      <c r="N11" s="41">
        <v>10</v>
      </c>
      <c r="O11" s="41">
        <v>11</v>
      </c>
      <c r="P11" s="41">
        <v>12</v>
      </c>
      <c r="Q11" s="41">
        <v>13</v>
      </c>
      <c r="R11" s="41">
        <v>14</v>
      </c>
      <c r="S11" s="41">
        <v>15</v>
      </c>
      <c r="T11" s="41">
        <v>16</v>
      </c>
      <c r="U11" s="41">
        <v>17</v>
      </c>
      <c r="V11" s="41">
        <v>18</v>
      </c>
      <c r="W11" s="41">
        <v>19</v>
      </c>
      <c r="X11" s="41">
        <v>20</v>
      </c>
      <c r="Y11" s="41">
        <v>21</v>
      </c>
      <c r="Z11" s="41">
        <v>22</v>
      </c>
      <c r="AA11" s="41">
        <v>23</v>
      </c>
      <c r="AB11" s="41">
        <v>24</v>
      </c>
      <c r="AC11" s="41">
        <v>25</v>
      </c>
      <c r="AD11" s="41">
        <v>26</v>
      </c>
      <c r="AE11" s="41">
        <v>27</v>
      </c>
      <c r="AF11" s="42">
        <v>28</v>
      </c>
      <c r="AG11" s="245"/>
      <c r="AH11" s="233"/>
      <c r="AI11" s="233"/>
      <c r="AJ11" s="40"/>
      <c r="AK11" s="40"/>
    </row>
    <row r="12" spans="2:37" ht="18" customHeight="1" x14ac:dyDescent="0.15">
      <c r="B12" s="237"/>
      <c r="C12" s="237"/>
      <c r="D12" s="237"/>
      <c r="E12" s="41" t="s">
        <v>52</v>
      </c>
      <c r="F12" s="43"/>
      <c r="G12" s="43"/>
      <c r="H12" s="43"/>
      <c r="I12" s="43"/>
      <c r="J12" s="43"/>
      <c r="K12" s="43"/>
      <c r="L12" s="43"/>
      <c r="M12" s="43"/>
      <c r="N12" s="43"/>
      <c r="O12" s="43"/>
      <c r="P12" s="43"/>
      <c r="Q12" s="43"/>
      <c r="R12" s="43"/>
      <c r="S12" s="43"/>
      <c r="T12" s="43"/>
      <c r="U12" s="43"/>
      <c r="V12" s="43"/>
      <c r="W12" s="43"/>
      <c r="X12" s="43"/>
      <c r="Y12" s="43"/>
      <c r="Z12" s="43"/>
      <c r="AA12" s="43"/>
      <c r="AB12" s="43"/>
      <c r="AC12" s="43"/>
      <c r="AD12" s="43"/>
      <c r="AE12" s="43"/>
      <c r="AF12" s="44"/>
      <c r="AG12" s="246"/>
      <c r="AH12" s="234"/>
      <c r="AI12" s="234"/>
      <c r="AJ12" s="40"/>
      <c r="AK12" s="40"/>
    </row>
    <row r="13" spans="2:37" ht="18" customHeight="1" x14ac:dyDescent="0.15">
      <c r="B13" s="235" t="s">
        <v>110</v>
      </c>
      <c r="C13" s="235"/>
      <c r="D13" s="235"/>
      <c r="E13" s="45" t="s">
        <v>53</v>
      </c>
      <c r="F13" s="45" t="s">
        <v>53</v>
      </c>
      <c r="G13" s="45" t="s">
        <v>54</v>
      </c>
      <c r="H13" s="45" t="s">
        <v>55</v>
      </c>
      <c r="I13" s="45" t="s">
        <v>56</v>
      </c>
      <c r="J13" s="45" t="s">
        <v>53</v>
      </c>
      <c r="K13" s="45" t="s">
        <v>56</v>
      </c>
      <c r="L13" s="46"/>
      <c r="M13" s="46"/>
      <c r="N13" s="46"/>
      <c r="O13" s="46"/>
      <c r="P13" s="46"/>
      <c r="Q13" s="46"/>
      <c r="R13" s="46"/>
      <c r="S13" s="46"/>
      <c r="T13" s="46"/>
      <c r="U13" s="46"/>
      <c r="V13" s="46"/>
      <c r="W13" s="46"/>
      <c r="X13" s="46"/>
      <c r="Y13" s="46"/>
      <c r="Z13" s="46"/>
      <c r="AA13" s="46"/>
      <c r="AB13" s="46"/>
      <c r="AC13" s="46"/>
      <c r="AD13" s="46"/>
      <c r="AE13" s="46"/>
      <c r="AF13" s="47"/>
      <c r="AG13" s="48"/>
      <c r="AH13" s="49"/>
      <c r="AI13" s="49"/>
    </row>
    <row r="14" spans="2:37" ht="18" customHeight="1" x14ac:dyDescent="0.15">
      <c r="B14" s="235" t="s">
        <v>111</v>
      </c>
      <c r="C14" s="235"/>
      <c r="D14" s="235"/>
      <c r="E14" s="45" t="s">
        <v>57</v>
      </c>
      <c r="F14" s="45" t="s">
        <v>57</v>
      </c>
      <c r="G14" s="45" t="s">
        <v>57</v>
      </c>
      <c r="H14" s="45" t="s">
        <v>58</v>
      </c>
      <c r="I14" s="45" t="s">
        <v>58</v>
      </c>
      <c r="J14" s="45" t="s">
        <v>59</v>
      </c>
      <c r="K14" s="45" t="s">
        <v>59</v>
      </c>
      <c r="L14" s="46"/>
      <c r="M14" s="46"/>
      <c r="N14" s="46"/>
      <c r="O14" s="46"/>
      <c r="P14" s="46"/>
      <c r="Q14" s="46"/>
      <c r="R14" s="46"/>
      <c r="S14" s="46"/>
      <c r="T14" s="46"/>
      <c r="U14" s="46"/>
      <c r="V14" s="46"/>
      <c r="W14" s="46"/>
      <c r="X14" s="46"/>
      <c r="Y14" s="46"/>
      <c r="Z14" s="46"/>
      <c r="AA14" s="46"/>
      <c r="AB14" s="46"/>
      <c r="AC14" s="46"/>
      <c r="AD14" s="46"/>
      <c r="AE14" s="46"/>
      <c r="AF14" s="47"/>
      <c r="AG14" s="48"/>
      <c r="AH14" s="49"/>
      <c r="AI14" s="49"/>
    </row>
    <row r="15" spans="2:37" ht="18" customHeight="1" x14ac:dyDescent="0.15">
      <c r="B15" s="49"/>
      <c r="C15" s="49"/>
      <c r="D15" s="49"/>
      <c r="E15" s="45"/>
      <c r="F15" s="45"/>
      <c r="G15" s="45"/>
      <c r="H15" s="45"/>
      <c r="I15" s="45"/>
      <c r="J15" s="45"/>
      <c r="K15" s="45"/>
      <c r="L15" s="45"/>
      <c r="M15" s="45"/>
      <c r="N15" s="45"/>
      <c r="O15" s="45"/>
      <c r="P15" s="45"/>
      <c r="Q15" s="45"/>
      <c r="R15" s="45"/>
      <c r="S15" s="45"/>
      <c r="T15" s="45"/>
      <c r="U15" s="45"/>
      <c r="V15" s="45"/>
      <c r="W15" s="45"/>
      <c r="X15" s="45"/>
      <c r="Y15" s="45"/>
      <c r="Z15" s="45"/>
      <c r="AA15" s="45"/>
      <c r="AB15" s="45"/>
      <c r="AC15" s="45"/>
      <c r="AD15" s="45"/>
      <c r="AE15" s="45"/>
      <c r="AF15" s="50"/>
      <c r="AG15" s="48"/>
      <c r="AH15" s="49"/>
      <c r="AI15" s="49"/>
    </row>
    <row r="16" spans="2:37" ht="18" customHeight="1" x14ac:dyDescent="0.15">
      <c r="B16" s="49"/>
      <c r="C16" s="49"/>
      <c r="D16" s="49"/>
      <c r="E16" s="45"/>
      <c r="F16" s="45"/>
      <c r="G16" s="45"/>
      <c r="H16" s="45"/>
      <c r="I16" s="45"/>
      <c r="J16" s="45"/>
      <c r="K16" s="45"/>
      <c r="L16" s="45"/>
      <c r="M16" s="45"/>
      <c r="N16" s="45"/>
      <c r="O16" s="45"/>
      <c r="P16" s="45"/>
      <c r="Q16" s="45"/>
      <c r="R16" s="45"/>
      <c r="S16" s="45"/>
      <c r="T16" s="45"/>
      <c r="U16" s="45"/>
      <c r="V16" s="45"/>
      <c r="W16" s="45"/>
      <c r="X16" s="45"/>
      <c r="Y16" s="45"/>
      <c r="Z16" s="45"/>
      <c r="AA16" s="45"/>
      <c r="AB16" s="45"/>
      <c r="AC16" s="45"/>
      <c r="AD16" s="45"/>
      <c r="AE16" s="45"/>
      <c r="AF16" s="50"/>
      <c r="AG16" s="48"/>
      <c r="AH16" s="49"/>
      <c r="AI16" s="49"/>
    </row>
    <row r="17" spans="2:37" ht="18" customHeight="1" x14ac:dyDescent="0.15">
      <c r="B17" s="49"/>
      <c r="C17" s="49"/>
      <c r="D17" s="49"/>
      <c r="E17" s="45"/>
      <c r="F17" s="45"/>
      <c r="G17" s="45"/>
      <c r="H17" s="45"/>
      <c r="I17" s="45"/>
      <c r="J17" s="45"/>
      <c r="K17" s="45"/>
      <c r="L17" s="45"/>
      <c r="M17" s="45"/>
      <c r="N17" s="45"/>
      <c r="O17" s="45"/>
      <c r="P17" s="45"/>
      <c r="Q17" s="45"/>
      <c r="R17" s="45"/>
      <c r="S17" s="45"/>
      <c r="T17" s="45"/>
      <c r="U17" s="45"/>
      <c r="V17" s="45"/>
      <c r="W17" s="45"/>
      <c r="X17" s="45"/>
      <c r="Y17" s="45"/>
      <c r="Z17" s="45"/>
      <c r="AA17" s="45"/>
      <c r="AB17" s="45"/>
      <c r="AC17" s="45"/>
      <c r="AD17" s="45"/>
      <c r="AE17" s="45"/>
      <c r="AF17" s="50"/>
      <c r="AG17" s="48"/>
      <c r="AH17" s="49"/>
      <c r="AI17" s="49"/>
    </row>
    <row r="18" spans="2:37" ht="18" customHeight="1" x14ac:dyDescent="0.15">
      <c r="B18" s="49"/>
      <c r="C18" s="49"/>
      <c r="D18" s="49"/>
      <c r="E18" s="45"/>
      <c r="F18" s="45"/>
      <c r="G18" s="45"/>
      <c r="H18" s="45"/>
      <c r="I18" s="45"/>
      <c r="J18" s="45"/>
      <c r="K18" s="45"/>
      <c r="L18" s="45"/>
      <c r="M18" s="45"/>
      <c r="N18" s="45"/>
      <c r="O18" s="45"/>
      <c r="P18" s="45"/>
      <c r="Q18" s="45"/>
      <c r="R18" s="45"/>
      <c r="S18" s="45"/>
      <c r="T18" s="45"/>
      <c r="U18" s="45"/>
      <c r="V18" s="45"/>
      <c r="W18" s="45"/>
      <c r="X18" s="45"/>
      <c r="Y18" s="45"/>
      <c r="Z18" s="45"/>
      <c r="AA18" s="45"/>
      <c r="AB18" s="45"/>
      <c r="AC18" s="45"/>
      <c r="AD18" s="45"/>
      <c r="AE18" s="45"/>
      <c r="AF18" s="50"/>
      <c r="AG18" s="48"/>
      <c r="AH18" s="49"/>
      <c r="AI18" s="49"/>
    </row>
    <row r="19" spans="2:37" ht="18" customHeight="1" x14ac:dyDescent="0.15">
      <c r="B19" s="49"/>
      <c r="C19" s="49"/>
      <c r="D19" s="49"/>
      <c r="E19" s="45"/>
      <c r="F19" s="45"/>
      <c r="G19" s="45"/>
      <c r="H19" s="45"/>
      <c r="I19" s="45"/>
      <c r="J19" s="45"/>
      <c r="K19" s="45"/>
      <c r="L19" s="45"/>
      <c r="M19" s="45"/>
      <c r="N19" s="45"/>
      <c r="O19" s="45"/>
      <c r="P19" s="45"/>
      <c r="Q19" s="45"/>
      <c r="R19" s="45"/>
      <c r="S19" s="45"/>
      <c r="T19" s="45"/>
      <c r="U19" s="45"/>
      <c r="V19" s="45"/>
      <c r="W19" s="45"/>
      <c r="X19" s="45"/>
      <c r="Y19" s="45"/>
      <c r="Z19" s="45"/>
      <c r="AA19" s="45"/>
      <c r="AB19" s="45"/>
      <c r="AC19" s="45"/>
      <c r="AD19" s="45"/>
      <c r="AE19" s="45"/>
      <c r="AF19" s="50"/>
      <c r="AG19" s="48"/>
      <c r="AH19" s="49"/>
      <c r="AI19" s="49"/>
    </row>
    <row r="20" spans="2:37" ht="18" customHeight="1" x14ac:dyDescent="0.15">
      <c r="B20" s="49"/>
      <c r="C20" s="49"/>
      <c r="D20" s="49"/>
      <c r="E20" s="45"/>
      <c r="F20" s="45"/>
      <c r="G20" s="45"/>
      <c r="H20" s="45"/>
      <c r="I20" s="45"/>
      <c r="J20" s="45"/>
      <c r="K20" s="45"/>
      <c r="L20" s="45"/>
      <c r="M20" s="45"/>
      <c r="N20" s="45"/>
      <c r="O20" s="45"/>
      <c r="P20" s="45"/>
      <c r="Q20" s="45"/>
      <c r="R20" s="45"/>
      <c r="S20" s="45"/>
      <c r="T20" s="45"/>
      <c r="U20" s="45"/>
      <c r="V20" s="45"/>
      <c r="W20" s="45"/>
      <c r="X20" s="45"/>
      <c r="Y20" s="45"/>
      <c r="Z20" s="45"/>
      <c r="AA20" s="45"/>
      <c r="AB20" s="45"/>
      <c r="AC20" s="45"/>
      <c r="AD20" s="45"/>
      <c r="AE20" s="45"/>
      <c r="AF20" s="50"/>
      <c r="AG20" s="48"/>
      <c r="AH20" s="49"/>
      <c r="AI20" s="49"/>
    </row>
    <row r="21" spans="2:37" ht="18" customHeight="1" x14ac:dyDescent="0.15">
      <c r="B21" s="49"/>
      <c r="C21" s="49"/>
      <c r="D21" s="49"/>
      <c r="E21" s="45"/>
      <c r="F21" s="45"/>
      <c r="G21" s="45"/>
      <c r="H21" s="45"/>
      <c r="I21" s="45"/>
      <c r="J21" s="45"/>
      <c r="K21" s="45"/>
      <c r="L21" s="45"/>
      <c r="M21" s="45"/>
      <c r="N21" s="45"/>
      <c r="O21" s="45"/>
      <c r="P21" s="45"/>
      <c r="Q21" s="45"/>
      <c r="R21" s="45"/>
      <c r="S21" s="45"/>
      <c r="T21" s="45"/>
      <c r="U21" s="45"/>
      <c r="V21" s="45"/>
      <c r="W21" s="45"/>
      <c r="X21" s="45"/>
      <c r="Y21" s="45"/>
      <c r="Z21" s="45"/>
      <c r="AA21" s="45"/>
      <c r="AB21" s="45"/>
      <c r="AC21" s="45"/>
      <c r="AD21" s="45"/>
      <c r="AE21" s="45"/>
      <c r="AF21" s="50"/>
      <c r="AG21" s="48"/>
      <c r="AH21" s="49"/>
      <c r="AI21" s="49"/>
    </row>
    <row r="22" spans="2:37" ht="18" customHeight="1" x14ac:dyDescent="0.15">
      <c r="B22" s="49"/>
      <c r="C22" s="49"/>
      <c r="D22" s="49"/>
      <c r="E22" s="45"/>
      <c r="F22" s="45"/>
      <c r="G22" s="45"/>
      <c r="H22" s="45"/>
      <c r="I22" s="45"/>
      <c r="J22" s="45"/>
      <c r="K22" s="45"/>
      <c r="L22" s="45"/>
      <c r="M22" s="45"/>
      <c r="N22" s="45"/>
      <c r="O22" s="45"/>
      <c r="P22" s="45"/>
      <c r="Q22" s="45"/>
      <c r="R22" s="45"/>
      <c r="S22" s="45"/>
      <c r="T22" s="45"/>
      <c r="U22" s="45"/>
      <c r="V22" s="45"/>
      <c r="W22" s="45"/>
      <c r="X22" s="45"/>
      <c r="Y22" s="45"/>
      <c r="Z22" s="45"/>
      <c r="AA22" s="45"/>
      <c r="AB22" s="45"/>
      <c r="AC22" s="45"/>
      <c r="AD22" s="45"/>
      <c r="AE22" s="45"/>
      <c r="AF22" s="45"/>
      <c r="AG22" s="48"/>
      <c r="AH22" s="49"/>
      <c r="AI22" s="49"/>
    </row>
    <row r="23" spans="2:37" ht="18" customHeight="1" x14ac:dyDescent="0.15">
      <c r="B23" s="49"/>
      <c r="C23" s="49"/>
      <c r="D23" s="49"/>
      <c r="E23" s="45"/>
      <c r="F23" s="45"/>
      <c r="G23" s="45"/>
      <c r="H23" s="45"/>
      <c r="I23" s="45"/>
      <c r="J23" s="45"/>
      <c r="K23" s="45"/>
      <c r="L23" s="45"/>
      <c r="M23" s="45"/>
      <c r="N23" s="45"/>
      <c r="O23" s="45"/>
      <c r="P23" s="45"/>
      <c r="Q23" s="45"/>
      <c r="R23" s="45"/>
      <c r="S23" s="45"/>
      <c r="T23" s="45"/>
      <c r="U23" s="45"/>
      <c r="V23" s="45"/>
      <c r="W23" s="45"/>
      <c r="X23" s="45"/>
      <c r="Y23" s="45"/>
      <c r="Z23" s="45"/>
      <c r="AA23" s="45"/>
      <c r="AB23" s="45"/>
      <c r="AC23" s="45"/>
      <c r="AD23" s="45"/>
      <c r="AE23" s="45"/>
      <c r="AF23" s="45"/>
      <c r="AG23" s="48"/>
      <c r="AH23" s="49"/>
      <c r="AI23" s="49"/>
    </row>
    <row r="24" spans="2:37" ht="18" customHeight="1" thickBot="1" x14ac:dyDescent="0.2">
      <c r="B24" s="51"/>
      <c r="D24" s="51"/>
      <c r="E24" s="52"/>
      <c r="F24" s="52"/>
      <c r="G24" s="52"/>
      <c r="H24" s="52"/>
      <c r="I24" s="52"/>
      <c r="J24" s="52"/>
      <c r="K24" s="52"/>
      <c r="L24" s="52"/>
      <c r="M24" s="52"/>
      <c r="N24" s="52"/>
      <c r="O24" s="52"/>
      <c r="P24" s="52"/>
      <c r="Q24" s="52"/>
      <c r="R24" s="52"/>
      <c r="S24" s="52"/>
      <c r="T24" s="52"/>
      <c r="U24" s="52"/>
      <c r="V24" s="52"/>
      <c r="W24" s="52"/>
      <c r="X24" s="52"/>
      <c r="Y24" s="52"/>
      <c r="Z24" s="52"/>
      <c r="AA24" s="52"/>
      <c r="AB24" s="52"/>
      <c r="AC24" s="52"/>
      <c r="AD24" s="52"/>
      <c r="AE24" s="52"/>
      <c r="AF24" s="52"/>
      <c r="AG24" s="48"/>
      <c r="AH24" s="49"/>
      <c r="AI24" s="49"/>
    </row>
    <row r="25" spans="2:37" ht="18" customHeight="1" thickTop="1" x14ac:dyDescent="0.15">
      <c r="B25" s="241" t="s">
        <v>60</v>
      </c>
      <c r="C25" s="242" t="s">
        <v>61</v>
      </c>
      <c r="D25" s="242"/>
      <c r="E25" s="53"/>
      <c r="F25" s="53"/>
      <c r="G25" s="53"/>
      <c r="H25" s="53"/>
      <c r="I25" s="53"/>
      <c r="J25" s="53"/>
      <c r="K25" s="53"/>
      <c r="L25" s="53"/>
      <c r="M25" s="53"/>
      <c r="N25" s="53"/>
      <c r="O25" s="53"/>
      <c r="P25" s="53"/>
      <c r="Q25" s="53"/>
      <c r="R25" s="53"/>
      <c r="S25" s="53"/>
      <c r="T25" s="53"/>
      <c r="U25" s="53"/>
      <c r="V25" s="53"/>
      <c r="W25" s="53"/>
      <c r="X25" s="53"/>
      <c r="Y25" s="53"/>
      <c r="Z25" s="53"/>
      <c r="AA25" s="53"/>
      <c r="AB25" s="53"/>
      <c r="AC25" s="53"/>
      <c r="AD25" s="53"/>
      <c r="AE25" s="53"/>
      <c r="AF25" s="53"/>
      <c r="AI25" s="54"/>
    </row>
    <row r="26" spans="2:37" ht="30" customHeight="1" x14ac:dyDescent="0.15">
      <c r="B26" s="235"/>
      <c r="C26" s="235" t="s">
        <v>62</v>
      </c>
      <c r="D26" s="235"/>
      <c r="E26" s="55"/>
      <c r="F26" s="55"/>
      <c r="G26" s="55"/>
      <c r="H26" s="55"/>
      <c r="I26" s="55"/>
      <c r="J26" s="55"/>
      <c r="K26" s="55"/>
      <c r="L26" s="55"/>
      <c r="M26" s="55"/>
      <c r="N26" s="55"/>
      <c r="O26" s="55"/>
      <c r="P26" s="55"/>
      <c r="Q26" s="55"/>
      <c r="R26" s="55"/>
      <c r="S26" s="55"/>
      <c r="T26" s="55"/>
      <c r="U26" s="55"/>
      <c r="V26" s="55"/>
      <c r="W26" s="55"/>
      <c r="X26" s="55"/>
      <c r="Y26" s="55"/>
      <c r="Z26" s="55"/>
      <c r="AA26" s="55"/>
      <c r="AB26" s="55"/>
      <c r="AC26" s="55"/>
      <c r="AD26" s="55"/>
      <c r="AE26" s="55"/>
      <c r="AF26" s="55"/>
      <c r="AI26" s="9"/>
    </row>
    <row r="27" spans="2:37" ht="8.25" customHeight="1" x14ac:dyDescent="0.15">
      <c r="B27" s="56"/>
      <c r="C27" s="57"/>
      <c r="D27" s="57"/>
      <c r="E27" s="57"/>
      <c r="F27" s="57"/>
      <c r="G27" s="57"/>
      <c r="H27" s="57"/>
      <c r="I27" s="57"/>
      <c r="J27" s="57"/>
      <c r="K27" s="57"/>
      <c r="L27" s="57"/>
      <c r="M27" s="57"/>
      <c r="N27" s="57"/>
      <c r="O27" s="57"/>
      <c r="P27" s="57"/>
      <c r="Q27" s="57"/>
      <c r="R27" s="57"/>
      <c r="S27" s="57"/>
      <c r="T27" s="57"/>
      <c r="U27" s="57"/>
      <c r="V27" s="57"/>
      <c r="W27" s="57"/>
      <c r="X27" s="57"/>
      <c r="Y27" s="57"/>
      <c r="Z27" s="57"/>
      <c r="AA27" s="57"/>
      <c r="AB27" s="57"/>
      <c r="AC27" s="57"/>
      <c r="AD27" s="57"/>
      <c r="AE27" s="57"/>
      <c r="AF27" s="57"/>
      <c r="AI27" s="9"/>
    </row>
    <row r="28" spans="2:37" x14ac:dyDescent="0.15">
      <c r="B28" s="58" t="s">
        <v>63</v>
      </c>
      <c r="E28" s="59"/>
      <c r="AI28" s="60"/>
      <c r="AJ28" s="61"/>
      <c r="AK28" s="61"/>
    </row>
    <row r="29" spans="2:37" ht="6" customHeight="1" x14ac:dyDescent="0.15">
      <c r="B29" s="58"/>
      <c r="AI29" s="9"/>
    </row>
    <row r="30" spans="2:37" x14ac:dyDescent="0.15">
      <c r="B30" s="58" t="s">
        <v>64</v>
      </c>
      <c r="AI30" s="9"/>
    </row>
    <row r="31" spans="2:37" x14ac:dyDescent="0.15">
      <c r="B31" s="58" t="s">
        <v>65</v>
      </c>
      <c r="AI31" s="9"/>
    </row>
    <row r="32" spans="2:37" ht="6.75" customHeight="1" x14ac:dyDescent="0.15">
      <c r="B32" s="58"/>
      <c r="AI32" s="9"/>
    </row>
    <row r="33" spans="2:35" x14ac:dyDescent="0.15">
      <c r="B33" s="58" t="s">
        <v>66</v>
      </c>
      <c r="AI33" s="9"/>
    </row>
    <row r="34" spans="2:35" x14ac:dyDescent="0.15">
      <c r="B34" s="58" t="s">
        <v>65</v>
      </c>
      <c r="AI34" s="9"/>
    </row>
    <row r="35" spans="2:35" ht="6.75" customHeight="1" x14ac:dyDescent="0.15">
      <c r="B35" s="58"/>
      <c r="AI35" s="9"/>
    </row>
    <row r="36" spans="2:35" x14ac:dyDescent="0.15">
      <c r="B36" s="58" t="s">
        <v>67</v>
      </c>
      <c r="AI36" s="9"/>
    </row>
    <row r="37" spans="2:35" x14ac:dyDescent="0.15">
      <c r="B37" s="58" t="s">
        <v>112</v>
      </c>
      <c r="AI37" s="9"/>
    </row>
    <row r="38" spans="2:35" ht="6" customHeight="1" x14ac:dyDescent="0.15">
      <c r="B38" s="62"/>
      <c r="C38" s="8"/>
      <c r="D38" s="8"/>
      <c r="E38" s="8"/>
      <c r="F38" s="8"/>
      <c r="G38" s="8"/>
      <c r="H38" s="8"/>
      <c r="I38" s="8"/>
      <c r="J38" s="8"/>
      <c r="K38" s="8"/>
      <c r="L38" s="8"/>
      <c r="M38" s="8"/>
      <c r="N38" s="8"/>
      <c r="O38" s="8"/>
      <c r="P38" s="8"/>
      <c r="Q38" s="8"/>
      <c r="R38" s="8"/>
      <c r="S38" s="8"/>
      <c r="T38" s="8"/>
      <c r="U38" s="8"/>
      <c r="V38" s="8"/>
      <c r="W38" s="8"/>
      <c r="X38" s="8"/>
      <c r="Y38" s="8"/>
      <c r="Z38" s="8"/>
      <c r="AA38" s="8"/>
      <c r="AB38" s="8"/>
      <c r="AC38" s="8"/>
      <c r="AD38" s="8"/>
      <c r="AE38" s="8"/>
      <c r="AF38" s="8"/>
      <c r="AG38" s="8"/>
      <c r="AH38" s="8"/>
      <c r="AI38" s="63"/>
    </row>
    <row r="39" spans="2:35" ht="6" customHeight="1" x14ac:dyDescent="0.15">
      <c r="B39" s="37"/>
      <c r="C39" s="64"/>
    </row>
    <row r="40" spans="2:35" ht="6.75" customHeight="1" x14ac:dyDescent="0.15">
      <c r="B40" s="37"/>
    </row>
    <row r="41" spans="2:35" x14ac:dyDescent="0.15">
      <c r="B41" s="29" t="s">
        <v>113</v>
      </c>
    </row>
    <row r="42" spans="2:35" x14ac:dyDescent="0.15">
      <c r="B42" s="29" t="s">
        <v>114</v>
      </c>
    </row>
    <row r="43" spans="2:35" x14ac:dyDescent="0.15">
      <c r="B43" s="29" t="s">
        <v>115</v>
      </c>
    </row>
    <row r="44" spans="2:35" x14ac:dyDescent="0.15">
      <c r="B44" s="29" t="s">
        <v>116</v>
      </c>
    </row>
    <row r="45" spans="2:35" x14ac:dyDescent="0.15">
      <c r="B45" s="29" t="s">
        <v>117</v>
      </c>
    </row>
    <row r="46" spans="2:35" x14ac:dyDescent="0.15">
      <c r="B46" s="29" t="s">
        <v>118</v>
      </c>
    </row>
    <row r="47" spans="2:35" x14ac:dyDescent="0.15">
      <c r="B47" s="29" t="s">
        <v>68</v>
      </c>
    </row>
    <row r="48" spans="2:35" x14ac:dyDescent="0.15">
      <c r="B48" s="29" t="s">
        <v>69</v>
      </c>
    </row>
    <row r="49" spans="2:2" x14ac:dyDescent="0.15">
      <c r="B49" s="29" t="s">
        <v>119</v>
      </c>
    </row>
    <row r="50" spans="2:2" x14ac:dyDescent="0.15">
      <c r="B50" s="29" t="s">
        <v>120</v>
      </c>
    </row>
    <row r="51" spans="2:2" ht="14.25" x14ac:dyDescent="0.15">
      <c r="B51" s="65" t="s">
        <v>121</v>
      </c>
    </row>
    <row r="52" spans="2:2" x14ac:dyDescent="0.15">
      <c r="B52" s="29" t="s">
        <v>122</v>
      </c>
    </row>
    <row r="53" spans="2:2" x14ac:dyDescent="0.15">
      <c r="B53" s="29" t="s">
        <v>123</v>
      </c>
    </row>
    <row r="54" spans="2:2" x14ac:dyDescent="0.15">
      <c r="B54" s="29" t="s">
        <v>70</v>
      </c>
    </row>
    <row r="55" spans="2:2" x14ac:dyDescent="0.15">
      <c r="B55" s="29" t="s">
        <v>71</v>
      </c>
    </row>
    <row r="56" spans="2:2" x14ac:dyDescent="0.15">
      <c r="B56" s="29" t="s">
        <v>72</v>
      </c>
    </row>
    <row r="57" spans="2:2" x14ac:dyDescent="0.15">
      <c r="B57" s="29" t="s">
        <v>73</v>
      </c>
    </row>
    <row r="58" spans="2:2" x14ac:dyDescent="0.15">
      <c r="B58" s="29" t="s">
        <v>124</v>
      </c>
    </row>
    <row r="59" spans="2:2" x14ac:dyDescent="0.15">
      <c r="B59" s="29" t="s">
        <v>125</v>
      </c>
    </row>
    <row r="60" spans="2:2" x14ac:dyDescent="0.15">
      <c r="B60" s="29" t="s">
        <v>74</v>
      </c>
    </row>
    <row r="61" spans="2:2" x14ac:dyDescent="0.15">
      <c r="B61" s="29" t="s">
        <v>126</v>
      </c>
    </row>
    <row r="62" spans="2:2" x14ac:dyDescent="0.15">
      <c r="B62" s="29"/>
    </row>
    <row r="63" spans="2:2" x14ac:dyDescent="0.15">
      <c r="B63" s="29"/>
    </row>
    <row r="64" spans="2:2" x14ac:dyDescent="0.15">
      <c r="B64" s="29"/>
    </row>
    <row r="65" spans="2:2" x14ac:dyDescent="0.15">
      <c r="B65" s="29"/>
    </row>
    <row r="66" spans="2:2" x14ac:dyDescent="0.15">
      <c r="B66" s="29"/>
    </row>
    <row r="67" spans="2:2" x14ac:dyDescent="0.15">
      <c r="B67" s="29"/>
    </row>
    <row r="68" spans="2:2" x14ac:dyDescent="0.15">
      <c r="B68" s="29"/>
    </row>
    <row r="69" spans="2:2" x14ac:dyDescent="0.15">
      <c r="B69" s="29"/>
    </row>
    <row r="70" spans="2:2" x14ac:dyDescent="0.15">
      <c r="B70" s="29"/>
    </row>
    <row r="71" spans="2:2" x14ac:dyDescent="0.15">
      <c r="B71" s="29"/>
    </row>
    <row r="72" spans="2:2" x14ac:dyDescent="0.15">
      <c r="B72" s="29"/>
    </row>
    <row r="73" spans="2:2" x14ac:dyDescent="0.15">
      <c r="B73" s="29"/>
    </row>
    <row r="74" spans="2:2" x14ac:dyDescent="0.15">
      <c r="B74" s="29"/>
    </row>
    <row r="75" spans="2:2" x14ac:dyDescent="0.15">
      <c r="B75" s="29"/>
    </row>
    <row r="76" spans="2:2" x14ac:dyDescent="0.15">
      <c r="B76" s="29"/>
    </row>
    <row r="77" spans="2:2" x14ac:dyDescent="0.15">
      <c r="B77" s="29"/>
    </row>
    <row r="78" spans="2:2" x14ac:dyDescent="0.15">
      <c r="B78" s="29"/>
    </row>
    <row r="79" spans="2:2" x14ac:dyDescent="0.15">
      <c r="B79" s="29"/>
    </row>
    <row r="80" spans="2:2" x14ac:dyDescent="0.15">
      <c r="B80" s="29"/>
    </row>
    <row r="81" spans="2:12" x14ac:dyDescent="0.15">
      <c r="B81" s="29"/>
    </row>
    <row r="82" spans="2:12" x14ac:dyDescent="0.15">
      <c r="B82" s="29"/>
      <c r="L82" s="66"/>
    </row>
    <row r="83" spans="2:12" x14ac:dyDescent="0.15">
      <c r="B83" s="29"/>
    </row>
    <row r="84" spans="2:12" x14ac:dyDescent="0.15">
      <c r="B84" s="29"/>
    </row>
    <row r="85" spans="2:12" x14ac:dyDescent="0.15">
      <c r="B85" s="29"/>
    </row>
    <row r="86" spans="2:12" x14ac:dyDescent="0.15">
      <c r="B86" s="29"/>
    </row>
    <row r="87" spans="2:12" x14ac:dyDescent="0.15">
      <c r="B87" s="29"/>
    </row>
    <row r="88" spans="2:12" x14ac:dyDescent="0.15">
      <c r="B88" s="29"/>
    </row>
    <row r="89" spans="2:12" x14ac:dyDescent="0.15">
      <c r="B89" s="29"/>
    </row>
  </sheetData>
  <mergeCells count="15">
    <mergeCell ref="B25:B26"/>
    <mergeCell ref="C25:D25"/>
    <mergeCell ref="C26:D26"/>
    <mergeCell ref="Z10:AF10"/>
    <mergeCell ref="AG10:AG12"/>
    <mergeCell ref="AH10:AH12"/>
    <mergeCell ref="AI10:AI12"/>
    <mergeCell ref="B13:D13"/>
    <mergeCell ref="B14:D14"/>
    <mergeCell ref="B10:B12"/>
    <mergeCell ref="C10:C12"/>
    <mergeCell ref="D10:D12"/>
    <mergeCell ref="E10:K10"/>
    <mergeCell ref="L10:R10"/>
    <mergeCell ref="S10:Y10"/>
  </mergeCells>
  <phoneticPr fontId="3"/>
  <pageMargins left="0.7" right="0.7" top="0.75" bottom="0.75" header="0.3" footer="0.3"/>
  <pageSetup paperSize="9" scale="55"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Y123"/>
  <sheetViews>
    <sheetView zoomScaleNormal="100" zoomScaleSheetLayoutView="85" workbookViewId="0">
      <selection activeCell="B4" sqref="B4:Y4"/>
    </sheetView>
  </sheetViews>
  <sheetFormatPr defaultColWidth="3.5" defaultRowHeight="13.5" x14ac:dyDescent="0.15"/>
  <cols>
    <col min="1" max="1" width="2.375" style="7" customWidth="1"/>
    <col min="2" max="2" width="3" style="104" customWidth="1"/>
    <col min="3" max="7" width="3.5" style="7"/>
    <col min="8" max="25" width="4.5" style="7" customWidth="1"/>
    <col min="26" max="16384" width="3.5" style="7"/>
  </cols>
  <sheetData>
    <row r="2" spans="2:25" x14ac:dyDescent="0.15">
      <c r="B2" s="7" t="s">
        <v>372</v>
      </c>
    </row>
    <row r="3" spans="2:25" x14ac:dyDescent="0.15">
      <c r="Q3" s="74"/>
      <c r="R3" s="11" t="s">
        <v>10</v>
      </c>
      <c r="S3" s="208"/>
      <c r="T3" s="208"/>
      <c r="U3" s="11" t="s">
        <v>9</v>
      </c>
      <c r="V3" s="69"/>
      <c r="W3" s="11" t="s">
        <v>24</v>
      </c>
      <c r="X3" s="69"/>
      <c r="Y3" s="11" t="s">
        <v>25</v>
      </c>
    </row>
    <row r="4" spans="2:25" x14ac:dyDescent="0.15">
      <c r="B4" s="277" t="s">
        <v>371</v>
      </c>
      <c r="C4" s="277"/>
      <c r="D4" s="277"/>
      <c r="E4" s="277"/>
      <c r="F4" s="277"/>
      <c r="G4" s="277"/>
      <c r="H4" s="277"/>
      <c r="I4" s="277"/>
      <c r="J4" s="277"/>
      <c r="K4" s="277"/>
      <c r="L4" s="277"/>
      <c r="M4" s="277"/>
      <c r="N4" s="277"/>
      <c r="O4" s="277"/>
      <c r="P4" s="277"/>
      <c r="Q4" s="277"/>
      <c r="R4" s="277"/>
      <c r="S4" s="277"/>
      <c r="T4" s="277"/>
      <c r="U4" s="277"/>
      <c r="V4" s="277"/>
      <c r="W4" s="277"/>
      <c r="X4" s="277"/>
      <c r="Y4" s="277"/>
    </row>
    <row r="6" spans="2:25" ht="30" customHeight="1" x14ac:dyDescent="0.15">
      <c r="B6" s="76">
        <v>1</v>
      </c>
      <c r="C6" s="100" t="s">
        <v>370</v>
      </c>
      <c r="D6" s="168"/>
      <c r="E6" s="168"/>
      <c r="F6" s="168"/>
      <c r="G6" s="167"/>
      <c r="H6" s="216"/>
      <c r="I6" s="217"/>
      <c r="J6" s="217"/>
      <c r="K6" s="217"/>
      <c r="L6" s="217"/>
      <c r="M6" s="217"/>
      <c r="N6" s="217"/>
      <c r="O6" s="217"/>
      <c r="P6" s="217"/>
      <c r="Q6" s="217"/>
      <c r="R6" s="217"/>
      <c r="S6" s="217"/>
      <c r="T6" s="217"/>
      <c r="U6" s="217"/>
      <c r="V6" s="217"/>
      <c r="W6" s="217"/>
      <c r="X6" s="217"/>
      <c r="Y6" s="218"/>
    </row>
    <row r="7" spans="2:25" ht="30" customHeight="1" x14ac:dyDescent="0.15">
      <c r="B7" s="76">
        <v>2</v>
      </c>
      <c r="C7" s="100" t="s">
        <v>369</v>
      </c>
      <c r="D7" s="100"/>
      <c r="E7" s="100"/>
      <c r="F7" s="100"/>
      <c r="G7" s="101"/>
      <c r="H7" s="166" t="s">
        <v>0</v>
      </c>
      <c r="I7" s="100" t="s">
        <v>368</v>
      </c>
      <c r="J7" s="100"/>
      <c r="K7" s="100"/>
      <c r="L7" s="100"/>
      <c r="M7" s="165" t="s">
        <v>0</v>
      </c>
      <c r="N7" s="100" t="s">
        <v>367</v>
      </c>
      <c r="O7" s="100"/>
      <c r="P7" s="100"/>
      <c r="Q7" s="100"/>
      <c r="R7" s="165" t="s">
        <v>0</v>
      </c>
      <c r="S7" s="100" t="s">
        <v>366</v>
      </c>
      <c r="T7" s="100"/>
      <c r="U7" s="100"/>
      <c r="V7" s="100"/>
      <c r="W7" s="100"/>
      <c r="X7" s="100"/>
      <c r="Y7" s="101"/>
    </row>
    <row r="8" spans="2:25" ht="30" customHeight="1" x14ac:dyDescent="0.15">
      <c r="B8" s="81">
        <v>3</v>
      </c>
      <c r="C8" s="4" t="s">
        <v>365</v>
      </c>
      <c r="D8" s="4"/>
      <c r="E8" s="4"/>
      <c r="F8" s="4"/>
      <c r="G8" s="2"/>
      <c r="H8" s="164" t="s">
        <v>0</v>
      </c>
      <c r="I8" s="74" t="s">
        <v>364</v>
      </c>
      <c r="J8" s="4"/>
      <c r="K8" s="4"/>
      <c r="L8" s="4"/>
      <c r="M8" s="4"/>
      <c r="N8" s="4"/>
      <c r="O8" s="4"/>
      <c r="P8" s="164"/>
      <c r="Q8" s="74"/>
      <c r="R8" s="4"/>
      <c r="S8" s="4"/>
      <c r="T8" s="4"/>
      <c r="U8" s="4"/>
      <c r="V8" s="4"/>
      <c r="W8" s="4"/>
      <c r="X8" s="4"/>
      <c r="Y8" s="2"/>
    </row>
    <row r="9" spans="2:25" ht="30" customHeight="1" x14ac:dyDescent="0.15">
      <c r="B9" s="81"/>
      <c r="C9" s="4"/>
      <c r="D9" s="4"/>
      <c r="E9" s="4"/>
      <c r="F9" s="4"/>
      <c r="G9" s="2"/>
      <c r="H9" s="164" t="s">
        <v>0</v>
      </c>
      <c r="I9" s="74" t="s">
        <v>363</v>
      </c>
      <c r="J9" s="4"/>
      <c r="K9" s="4"/>
      <c r="L9" s="4"/>
      <c r="M9" s="4"/>
      <c r="N9" s="4"/>
      <c r="O9" s="4"/>
      <c r="P9" s="164"/>
      <c r="Q9" s="74"/>
      <c r="R9" s="4"/>
      <c r="S9" s="4"/>
      <c r="T9" s="4"/>
      <c r="U9" s="4"/>
      <c r="V9" s="4"/>
      <c r="W9" s="4"/>
      <c r="X9" s="4"/>
      <c r="Y9" s="2"/>
    </row>
    <row r="10" spans="2:25" ht="30" customHeight="1" x14ac:dyDescent="0.15">
      <c r="B10" s="81"/>
      <c r="C10" s="4"/>
      <c r="D10" s="4"/>
      <c r="E10" s="4"/>
      <c r="F10" s="4"/>
      <c r="G10" s="2"/>
      <c r="H10" s="164" t="s">
        <v>0</v>
      </c>
      <c r="I10" s="74" t="s">
        <v>362</v>
      </c>
      <c r="J10" s="4"/>
      <c r="K10" s="4"/>
      <c r="L10" s="4"/>
      <c r="M10" s="4"/>
      <c r="N10" s="4"/>
      <c r="O10" s="4"/>
      <c r="P10" s="164"/>
      <c r="Q10" s="74"/>
      <c r="R10" s="4"/>
      <c r="S10" s="4"/>
      <c r="T10" s="4"/>
      <c r="U10" s="4"/>
      <c r="V10" s="4"/>
      <c r="W10" s="4"/>
      <c r="X10" s="4"/>
      <c r="Y10" s="2"/>
    </row>
    <row r="11" spans="2:25" ht="30" customHeight="1" x14ac:dyDescent="0.15">
      <c r="B11" s="81"/>
      <c r="C11" s="4"/>
      <c r="D11" s="4"/>
      <c r="E11" s="4"/>
      <c r="F11" s="4"/>
      <c r="G11" s="2"/>
      <c r="H11" s="164" t="s">
        <v>360</v>
      </c>
      <c r="I11" s="74" t="s">
        <v>361</v>
      </c>
      <c r="J11" s="4"/>
      <c r="K11" s="4"/>
      <c r="L11" s="4"/>
      <c r="M11" s="4"/>
      <c r="N11" s="4"/>
      <c r="O11" s="4"/>
      <c r="P11" s="164"/>
      <c r="Q11" s="74"/>
      <c r="R11" s="4"/>
      <c r="S11" s="4"/>
      <c r="T11" s="4"/>
      <c r="U11" s="4"/>
      <c r="V11" s="4"/>
      <c r="W11" s="4"/>
      <c r="X11" s="4"/>
      <c r="Y11" s="2"/>
    </row>
    <row r="12" spans="2:25" ht="30" customHeight="1" x14ac:dyDescent="0.15">
      <c r="B12" s="81"/>
      <c r="C12" s="4"/>
      <c r="D12" s="4"/>
      <c r="E12" s="4"/>
      <c r="F12" s="4"/>
      <c r="G12" s="2"/>
      <c r="H12" s="164" t="s">
        <v>360</v>
      </c>
      <c r="I12" s="74" t="s">
        <v>359</v>
      </c>
      <c r="J12" s="4"/>
      <c r="K12" s="4"/>
      <c r="L12" s="4"/>
      <c r="M12" s="4"/>
      <c r="N12" s="4"/>
      <c r="O12" s="4"/>
      <c r="P12" s="164"/>
      <c r="Q12" s="74"/>
      <c r="R12" s="4"/>
      <c r="S12" s="4"/>
      <c r="T12" s="4"/>
      <c r="U12" s="4"/>
      <c r="V12" s="4"/>
      <c r="W12" s="4"/>
      <c r="X12" s="4"/>
      <c r="Y12" s="2"/>
    </row>
    <row r="13" spans="2:25" ht="30" customHeight="1" x14ac:dyDescent="0.15">
      <c r="B13" s="81"/>
      <c r="C13" s="4"/>
      <c r="D13" s="4"/>
      <c r="E13" s="4"/>
      <c r="F13" s="4"/>
      <c r="G13" s="2"/>
      <c r="H13" s="164" t="s">
        <v>0</v>
      </c>
      <c r="I13" s="74" t="s">
        <v>358</v>
      </c>
      <c r="J13" s="4"/>
      <c r="K13" s="4"/>
      <c r="L13" s="4"/>
      <c r="M13" s="4"/>
      <c r="N13" s="4"/>
      <c r="O13" s="4"/>
      <c r="P13" s="4"/>
      <c r="Q13" s="74"/>
      <c r="R13" s="4"/>
      <c r="S13" s="4"/>
      <c r="T13" s="4"/>
      <c r="U13" s="4"/>
      <c r="V13" s="4"/>
      <c r="W13" s="4"/>
      <c r="X13" s="4"/>
      <c r="Y13" s="2"/>
    </row>
    <row r="14" spans="2:25" x14ac:dyDescent="0.15">
      <c r="B14" s="163"/>
      <c r="C14" s="64"/>
      <c r="D14" s="64"/>
      <c r="E14" s="64"/>
      <c r="F14" s="64"/>
      <c r="G14" s="54"/>
      <c r="H14" s="162"/>
      <c r="I14" s="64"/>
      <c r="J14" s="64"/>
      <c r="K14" s="64"/>
      <c r="L14" s="64"/>
      <c r="M14" s="64"/>
      <c r="N14" s="64"/>
      <c r="O14" s="64"/>
      <c r="P14" s="64"/>
      <c r="Q14" s="64"/>
      <c r="R14" s="64"/>
      <c r="S14" s="64"/>
      <c r="T14" s="64"/>
      <c r="U14" s="64"/>
      <c r="V14" s="64"/>
      <c r="W14" s="64"/>
      <c r="X14" s="64"/>
      <c r="Y14" s="54"/>
    </row>
    <row r="15" spans="2:25" ht="29.25" customHeight="1" x14ac:dyDescent="0.15">
      <c r="B15" s="160">
        <v>4</v>
      </c>
      <c r="C15" s="278" t="s">
        <v>357</v>
      </c>
      <c r="D15" s="278"/>
      <c r="E15" s="278"/>
      <c r="F15" s="278"/>
      <c r="G15" s="279"/>
      <c r="H15" s="158" t="s">
        <v>356</v>
      </c>
      <c r="I15" s="4"/>
      <c r="Y15" s="9"/>
    </row>
    <row r="16" spans="2:25" ht="12" customHeight="1" x14ac:dyDescent="0.15">
      <c r="B16" s="157"/>
      <c r="G16" s="9"/>
      <c r="H16" s="156"/>
      <c r="I16" s="203" t="s">
        <v>353</v>
      </c>
      <c r="J16" s="203"/>
      <c r="K16" s="203"/>
      <c r="L16" s="203"/>
      <c r="M16" s="203"/>
      <c r="N16" s="203"/>
      <c r="O16" s="203"/>
      <c r="P16" s="203"/>
      <c r="Q16" s="204"/>
      <c r="R16" s="205"/>
      <c r="S16" s="205"/>
      <c r="T16" s="205"/>
      <c r="U16" s="205"/>
      <c r="V16" s="205"/>
      <c r="W16" s="206"/>
      <c r="Y16" s="9"/>
    </row>
    <row r="17" spans="2:25" ht="12" customHeight="1" x14ac:dyDescent="0.15">
      <c r="B17" s="157"/>
      <c r="G17" s="9"/>
      <c r="H17" s="156"/>
      <c r="I17" s="203"/>
      <c r="J17" s="203"/>
      <c r="K17" s="203"/>
      <c r="L17" s="203"/>
      <c r="M17" s="203"/>
      <c r="N17" s="203"/>
      <c r="O17" s="203"/>
      <c r="P17" s="203"/>
      <c r="Q17" s="210"/>
      <c r="R17" s="211"/>
      <c r="S17" s="211"/>
      <c r="T17" s="211"/>
      <c r="U17" s="211"/>
      <c r="V17" s="211"/>
      <c r="W17" s="212"/>
      <c r="Y17" s="9"/>
    </row>
    <row r="18" spans="2:25" ht="12" customHeight="1" x14ac:dyDescent="0.15">
      <c r="B18" s="157"/>
      <c r="G18" s="9"/>
      <c r="H18" s="156"/>
      <c r="I18" s="204" t="s">
        <v>352</v>
      </c>
      <c r="J18" s="205"/>
      <c r="K18" s="205"/>
      <c r="L18" s="205"/>
      <c r="M18" s="205"/>
      <c r="N18" s="205"/>
      <c r="O18" s="205"/>
      <c r="P18" s="206"/>
      <c r="Q18" s="204"/>
      <c r="R18" s="205"/>
      <c r="S18" s="205"/>
      <c r="T18" s="205"/>
      <c r="U18" s="205"/>
      <c r="V18" s="205"/>
      <c r="W18" s="206"/>
      <c r="Y18" s="9"/>
    </row>
    <row r="19" spans="2:25" ht="12" customHeight="1" x14ac:dyDescent="0.15">
      <c r="B19" s="157"/>
      <c r="G19" s="9"/>
      <c r="H19" s="156"/>
      <c r="I19" s="207"/>
      <c r="J19" s="208"/>
      <c r="K19" s="208"/>
      <c r="L19" s="208"/>
      <c r="M19" s="208"/>
      <c r="N19" s="208"/>
      <c r="O19" s="208"/>
      <c r="P19" s="209"/>
      <c r="Q19" s="207"/>
      <c r="R19" s="208"/>
      <c r="S19" s="208"/>
      <c r="T19" s="208"/>
      <c r="U19" s="208"/>
      <c r="V19" s="208"/>
      <c r="W19" s="209"/>
      <c r="Y19" s="9"/>
    </row>
    <row r="20" spans="2:25" ht="12" customHeight="1" x14ac:dyDescent="0.15">
      <c r="B20" s="157"/>
      <c r="G20" s="9"/>
      <c r="H20" s="156"/>
      <c r="I20" s="207"/>
      <c r="J20" s="208"/>
      <c r="K20" s="208"/>
      <c r="L20" s="208"/>
      <c r="M20" s="208"/>
      <c r="N20" s="208"/>
      <c r="O20" s="208"/>
      <c r="P20" s="209"/>
      <c r="Q20" s="207"/>
      <c r="R20" s="208"/>
      <c r="S20" s="208"/>
      <c r="T20" s="208"/>
      <c r="U20" s="208"/>
      <c r="V20" s="208"/>
      <c r="W20" s="209"/>
      <c r="Y20" s="9"/>
    </row>
    <row r="21" spans="2:25" ht="12" customHeight="1" x14ac:dyDescent="0.15">
      <c r="B21" s="157"/>
      <c r="G21" s="9"/>
      <c r="H21" s="156"/>
      <c r="I21" s="210"/>
      <c r="J21" s="211"/>
      <c r="K21" s="211"/>
      <c r="L21" s="211"/>
      <c r="M21" s="211"/>
      <c r="N21" s="211"/>
      <c r="O21" s="211"/>
      <c r="P21" s="212"/>
      <c r="Q21" s="210"/>
      <c r="R21" s="211"/>
      <c r="S21" s="211"/>
      <c r="T21" s="211"/>
      <c r="U21" s="211"/>
      <c r="V21" s="211"/>
      <c r="W21" s="212"/>
      <c r="Y21" s="9"/>
    </row>
    <row r="22" spans="2:25" ht="12" customHeight="1" x14ac:dyDescent="0.15">
      <c r="B22" s="157"/>
      <c r="G22" s="9"/>
      <c r="H22" s="156"/>
      <c r="I22" s="203" t="s">
        <v>351</v>
      </c>
      <c r="J22" s="203"/>
      <c r="K22" s="203"/>
      <c r="L22" s="203"/>
      <c r="M22" s="203"/>
      <c r="N22" s="203"/>
      <c r="O22" s="203"/>
      <c r="P22" s="203"/>
      <c r="Q22" s="273"/>
      <c r="R22" s="226"/>
      <c r="S22" s="226"/>
      <c r="T22" s="226"/>
      <c r="U22" s="226"/>
      <c r="V22" s="226"/>
      <c r="W22" s="227"/>
      <c r="Y22" s="9"/>
    </row>
    <row r="23" spans="2:25" ht="12" customHeight="1" x14ac:dyDescent="0.15">
      <c r="B23" s="157"/>
      <c r="G23" s="9"/>
      <c r="H23" s="156"/>
      <c r="I23" s="203"/>
      <c r="J23" s="203"/>
      <c r="K23" s="203"/>
      <c r="L23" s="203"/>
      <c r="M23" s="203"/>
      <c r="N23" s="203"/>
      <c r="O23" s="203"/>
      <c r="P23" s="203"/>
      <c r="Q23" s="228"/>
      <c r="R23" s="229"/>
      <c r="S23" s="229"/>
      <c r="T23" s="229"/>
      <c r="U23" s="229"/>
      <c r="V23" s="229"/>
      <c r="W23" s="230"/>
      <c r="Y23" s="9"/>
    </row>
    <row r="24" spans="2:25" ht="12" customHeight="1" x14ac:dyDescent="0.15">
      <c r="B24" s="157"/>
      <c r="G24" s="9"/>
      <c r="H24" s="156"/>
      <c r="I24" s="203" t="s">
        <v>350</v>
      </c>
      <c r="J24" s="203"/>
      <c r="K24" s="203"/>
      <c r="L24" s="203"/>
      <c r="M24" s="203"/>
      <c r="N24" s="203"/>
      <c r="O24" s="203"/>
      <c r="P24" s="203"/>
      <c r="Q24" s="273" t="s">
        <v>349</v>
      </c>
      <c r="R24" s="226"/>
      <c r="S24" s="226"/>
      <c r="T24" s="226"/>
      <c r="U24" s="226"/>
      <c r="V24" s="226"/>
      <c r="W24" s="227"/>
      <c r="Y24" s="9"/>
    </row>
    <row r="25" spans="2:25" ht="12" customHeight="1" x14ac:dyDescent="0.15">
      <c r="B25" s="157"/>
      <c r="G25" s="9"/>
      <c r="H25" s="156"/>
      <c r="I25" s="203"/>
      <c r="J25" s="203"/>
      <c r="K25" s="203"/>
      <c r="L25" s="203"/>
      <c r="M25" s="203"/>
      <c r="N25" s="203"/>
      <c r="O25" s="203"/>
      <c r="P25" s="203"/>
      <c r="Q25" s="228"/>
      <c r="R25" s="229"/>
      <c r="S25" s="229"/>
      <c r="T25" s="229"/>
      <c r="U25" s="229"/>
      <c r="V25" s="229"/>
      <c r="W25" s="230"/>
      <c r="Y25" s="9"/>
    </row>
    <row r="26" spans="2:25" ht="12" customHeight="1" x14ac:dyDescent="0.15">
      <c r="B26" s="157"/>
      <c r="G26" s="9"/>
      <c r="H26" s="156"/>
      <c r="I26" s="203" t="s">
        <v>348</v>
      </c>
      <c r="J26" s="203"/>
      <c r="K26" s="203"/>
      <c r="L26" s="203"/>
      <c r="M26" s="203"/>
      <c r="N26" s="203"/>
      <c r="O26" s="203"/>
      <c r="P26" s="203"/>
      <c r="Q26" s="273"/>
      <c r="R26" s="226"/>
      <c r="S26" s="226"/>
      <c r="T26" s="226"/>
      <c r="U26" s="226"/>
      <c r="V26" s="226"/>
      <c r="W26" s="227"/>
      <c r="Y26" s="9"/>
    </row>
    <row r="27" spans="2:25" ht="12" customHeight="1" x14ac:dyDescent="0.15">
      <c r="B27" s="157"/>
      <c r="G27" s="9"/>
      <c r="H27" s="156"/>
      <c r="I27" s="203"/>
      <c r="J27" s="203"/>
      <c r="K27" s="203"/>
      <c r="L27" s="203"/>
      <c r="M27" s="203"/>
      <c r="N27" s="203"/>
      <c r="O27" s="203"/>
      <c r="P27" s="203"/>
      <c r="Q27" s="228"/>
      <c r="R27" s="229"/>
      <c r="S27" s="229"/>
      <c r="T27" s="229"/>
      <c r="U27" s="229"/>
      <c r="V27" s="229"/>
      <c r="W27" s="230"/>
      <c r="Y27" s="9"/>
    </row>
    <row r="28" spans="2:25" ht="15" customHeight="1" x14ac:dyDescent="0.15">
      <c r="B28" s="157"/>
      <c r="G28" s="9"/>
      <c r="H28" s="156"/>
      <c r="I28" s="4"/>
      <c r="J28" s="4"/>
      <c r="K28" s="4"/>
      <c r="L28" s="4"/>
      <c r="M28" s="4"/>
      <c r="N28" s="4"/>
      <c r="O28" s="4"/>
      <c r="P28" s="4"/>
      <c r="Q28" s="4"/>
      <c r="R28" s="4"/>
      <c r="S28" s="4"/>
      <c r="T28" s="4"/>
      <c r="U28" s="4"/>
      <c r="Y28" s="138"/>
    </row>
    <row r="29" spans="2:25" ht="29.25" customHeight="1" x14ac:dyDescent="0.15">
      <c r="B29" s="160"/>
      <c r="C29" s="92"/>
      <c r="D29" s="92"/>
      <c r="E29" s="92"/>
      <c r="F29" s="92"/>
      <c r="G29" s="159"/>
      <c r="H29" s="158" t="s">
        <v>355</v>
      </c>
      <c r="I29" s="4"/>
      <c r="Y29" s="9"/>
    </row>
    <row r="30" spans="2:25" ht="12" customHeight="1" x14ac:dyDescent="0.15">
      <c r="B30" s="157"/>
      <c r="G30" s="9"/>
      <c r="H30" s="156"/>
      <c r="I30" s="203" t="s">
        <v>353</v>
      </c>
      <c r="J30" s="203"/>
      <c r="K30" s="203"/>
      <c r="L30" s="203"/>
      <c r="M30" s="203"/>
      <c r="N30" s="203"/>
      <c r="O30" s="203"/>
      <c r="P30" s="203"/>
      <c r="Q30" s="204"/>
      <c r="R30" s="205"/>
      <c r="S30" s="205"/>
      <c r="T30" s="205"/>
      <c r="U30" s="205"/>
      <c r="V30" s="205"/>
      <c r="W30" s="206"/>
      <c r="Y30" s="9"/>
    </row>
    <row r="31" spans="2:25" ht="12" customHeight="1" x14ac:dyDescent="0.15">
      <c r="B31" s="157"/>
      <c r="G31" s="9"/>
      <c r="H31" s="156"/>
      <c r="I31" s="203"/>
      <c r="J31" s="203"/>
      <c r="K31" s="203"/>
      <c r="L31" s="203"/>
      <c r="M31" s="203"/>
      <c r="N31" s="203"/>
      <c r="O31" s="203"/>
      <c r="P31" s="203"/>
      <c r="Q31" s="210"/>
      <c r="R31" s="211"/>
      <c r="S31" s="211"/>
      <c r="T31" s="211"/>
      <c r="U31" s="211"/>
      <c r="V31" s="211"/>
      <c r="W31" s="212"/>
      <c r="Y31" s="9"/>
    </row>
    <row r="32" spans="2:25" ht="12" customHeight="1" x14ac:dyDescent="0.15">
      <c r="B32" s="157"/>
      <c r="G32" s="9"/>
      <c r="H32" s="156"/>
      <c r="I32" s="204" t="s">
        <v>352</v>
      </c>
      <c r="J32" s="205"/>
      <c r="K32" s="205"/>
      <c r="L32" s="205"/>
      <c r="M32" s="205"/>
      <c r="N32" s="205"/>
      <c r="O32" s="205"/>
      <c r="P32" s="206"/>
      <c r="Q32" s="204"/>
      <c r="R32" s="205"/>
      <c r="S32" s="205"/>
      <c r="T32" s="205"/>
      <c r="U32" s="205"/>
      <c r="V32" s="205"/>
      <c r="W32" s="206"/>
      <c r="Y32" s="9"/>
    </row>
    <row r="33" spans="2:25" ht="12" customHeight="1" x14ac:dyDescent="0.15">
      <c r="B33" s="157"/>
      <c r="G33" s="9"/>
      <c r="H33" s="156"/>
      <c r="I33" s="207"/>
      <c r="J33" s="208"/>
      <c r="K33" s="208"/>
      <c r="L33" s="208"/>
      <c r="M33" s="208"/>
      <c r="N33" s="208"/>
      <c r="O33" s="208"/>
      <c r="P33" s="209"/>
      <c r="Q33" s="207"/>
      <c r="R33" s="208"/>
      <c r="S33" s="208"/>
      <c r="T33" s="208"/>
      <c r="U33" s="208"/>
      <c r="V33" s="208"/>
      <c r="W33" s="209"/>
      <c r="Y33" s="9"/>
    </row>
    <row r="34" spans="2:25" ht="12" customHeight="1" x14ac:dyDescent="0.15">
      <c r="B34" s="157"/>
      <c r="G34" s="9"/>
      <c r="H34" s="156"/>
      <c r="I34" s="207"/>
      <c r="J34" s="208"/>
      <c r="K34" s="208"/>
      <c r="L34" s="208"/>
      <c r="M34" s="208"/>
      <c r="N34" s="208"/>
      <c r="O34" s="208"/>
      <c r="P34" s="209"/>
      <c r="Q34" s="207"/>
      <c r="R34" s="208"/>
      <c r="S34" s="208"/>
      <c r="T34" s="208"/>
      <c r="U34" s="208"/>
      <c r="V34" s="208"/>
      <c r="W34" s="209"/>
      <c r="Y34" s="9"/>
    </row>
    <row r="35" spans="2:25" ht="12" customHeight="1" x14ac:dyDescent="0.15">
      <c r="B35" s="157"/>
      <c r="G35" s="9"/>
      <c r="H35" s="156"/>
      <c r="I35" s="210"/>
      <c r="J35" s="211"/>
      <c r="K35" s="211"/>
      <c r="L35" s="211"/>
      <c r="M35" s="211"/>
      <c r="N35" s="211"/>
      <c r="O35" s="211"/>
      <c r="P35" s="212"/>
      <c r="Q35" s="210"/>
      <c r="R35" s="211"/>
      <c r="S35" s="211"/>
      <c r="T35" s="211"/>
      <c r="U35" s="211"/>
      <c r="V35" s="211"/>
      <c r="W35" s="212"/>
      <c r="Y35" s="9"/>
    </row>
    <row r="36" spans="2:25" ht="12" customHeight="1" x14ac:dyDescent="0.15">
      <c r="B36" s="157"/>
      <c r="G36" s="9"/>
      <c r="H36" s="156"/>
      <c r="I36" s="203" t="s">
        <v>351</v>
      </c>
      <c r="J36" s="203"/>
      <c r="K36" s="203"/>
      <c r="L36" s="203"/>
      <c r="M36" s="203"/>
      <c r="N36" s="203"/>
      <c r="O36" s="203"/>
      <c r="P36" s="203"/>
      <c r="Q36" s="273"/>
      <c r="R36" s="226"/>
      <c r="S36" s="226"/>
      <c r="T36" s="226"/>
      <c r="U36" s="226"/>
      <c r="V36" s="226"/>
      <c r="W36" s="227"/>
      <c r="Y36" s="9"/>
    </row>
    <row r="37" spans="2:25" ht="12" customHeight="1" x14ac:dyDescent="0.15">
      <c r="B37" s="157"/>
      <c r="G37" s="9"/>
      <c r="H37" s="156"/>
      <c r="I37" s="203"/>
      <c r="J37" s="203"/>
      <c r="K37" s="203"/>
      <c r="L37" s="203"/>
      <c r="M37" s="203"/>
      <c r="N37" s="203"/>
      <c r="O37" s="203"/>
      <c r="P37" s="203"/>
      <c r="Q37" s="228"/>
      <c r="R37" s="229"/>
      <c r="S37" s="229"/>
      <c r="T37" s="229"/>
      <c r="U37" s="229"/>
      <c r="V37" s="229"/>
      <c r="W37" s="230"/>
      <c r="Y37" s="9"/>
    </row>
    <row r="38" spans="2:25" ht="12" customHeight="1" x14ac:dyDescent="0.15">
      <c r="B38" s="157"/>
      <c r="G38" s="9"/>
      <c r="H38" s="161"/>
      <c r="I38" s="214" t="s">
        <v>350</v>
      </c>
      <c r="J38" s="203"/>
      <c r="K38" s="203"/>
      <c r="L38" s="203"/>
      <c r="M38" s="203"/>
      <c r="N38" s="203"/>
      <c r="O38" s="203"/>
      <c r="P38" s="203"/>
      <c r="Q38" s="216" t="s">
        <v>349</v>
      </c>
      <c r="R38" s="217"/>
      <c r="S38" s="217"/>
      <c r="T38" s="217"/>
      <c r="U38" s="217"/>
      <c r="V38" s="217"/>
      <c r="W38" s="217"/>
      <c r="X38" s="156"/>
      <c r="Y38" s="9"/>
    </row>
    <row r="39" spans="2:25" ht="12" customHeight="1" x14ac:dyDescent="0.15">
      <c r="B39" s="157"/>
      <c r="G39" s="9"/>
      <c r="H39" s="156"/>
      <c r="I39" s="276"/>
      <c r="J39" s="276"/>
      <c r="K39" s="276"/>
      <c r="L39" s="276"/>
      <c r="M39" s="276"/>
      <c r="N39" s="276"/>
      <c r="O39" s="276"/>
      <c r="P39" s="276"/>
      <c r="Q39" s="228"/>
      <c r="R39" s="229"/>
      <c r="S39" s="229"/>
      <c r="T39" s="229"/>
      <c r="U39" s="229"/>
      <c r="V39" s="229"/>
      <c r="W39" s="230"/>
      <c r="Y39" s="9"/>
    </row>
    <row r="40" spans="2:25" ht="12" customHeight="1" x14ac:dyDescent="0.15">
      <c r="B40" s="157"/>
      <c r="G40" s="9"/>
      <c r="H40" s="156"/>
      <c r="I40" s="203" t="s">
        <v>348</v>
      </c>
      <c r="J40" s="203"/>
      <c r="K40" s="203"/>
      <c r="L40" s="203"/>
      <c r="M40" s="203"/>
      <c r="N40" s="203"/>
      <c r="O40" s="203"/>
      <c r="P40" s="203"/>
      <c r="Q40" s="273"/>
      <c r="R40" s="226"/>
      <c r="S40" s="226"/>
      <c r="T40" s="226"/>
      <c r="U40" s="226"/>
      <c r="V40" s="226"/>
      <c r="W40" s="227"/>
      <c r="Y40" s="9"/>
    </row>
    <row r="41" spans="2:25" ht="12" customHeight="1" x14ac:dyDescent="0.15">
      <c r="B41" s="157"/>
      <c r="G41" s="9"/>
      <c r="H41" s="156"/>
      <c r="I41" s="203"/>
      <c r="J41" s="203"/>
      <c r="K41" s="203"/>
      <c r="L41" s="203"/>
      <c r="M41" s="203"/>
      <c r="N41" s="203"/>
      <c r="O41" s="203"/>
      <c r="P41" s="203"/>
      <c r="Q41" s="228"/>
      <c r="R41" s="229"/>
      <c r="S41" s="229"/>
      <c r="T41" s="229"/>
      <c r="U41" s="229"/>
      <c r="V41" s="229"/>
      <c r="W41" s="230"/>
      <c r="Y41" s="9"/>
    </row>
    <row r="42" spans="2:25" ht="15" customHeight="1" x14ac:dyDescent="0.15">
      <c r="B42" s="157"/>
      <c r="G42" s="9"/>
      <c r="H42" s="156"/>
      <c r="I42" s="4"/>
      <c r="J42" s="4"/>
      <c r="K42" s="4"/>
      <c r="L42" s="4"/>
      <c r="M42" s="4"/>
      <c r="N42" s="4"/>
      <c r="O42" s="4"/>
      <c r="P42" s="4"/>
      <c r="Q42" s="4"/>
      <c r="R42" s="4"/>
      <c r="S42" s="4"/>
      <c r="T42" s="4"/>
      <c r="U42" s="4"/>
      <c r="Y42" s="138"/>
    </row>
    <row r="43" spans="2:25" ht="29.25" customHeight="1" x14ac:dyDescent="0.15">
      <c r="B43" s="160"/>
      <c r="C43" s="92"/>
      <c r="D43" s="92"/>
      <c r="E43" s="92"/>
      <c r="F43" s="92"/>
      <c r="G43" s="159"/>
      <c r="H43" s="158" t="s">
        <v>354</v>
      </c>
      <c r="I43" s="4"/>
      <c r="Y43" s="9"/>
    </row>
    <row r="44" spans="2:25" ht="12" customHeight="1" x14ac:dyDescent="0.15">
      <c r="B44" s="157"/>
      <c r="G44" s="9"/>
      <c r="H44" s="156"/>
      <c r="I44" s="203" t="s">
        <v>353</v>
      </c>
      <c r="J44" s="203"/>
      <c r="K44" s="203"/>
      <c r="L44" s="203"/>
      <c r="M44" s="203"/>
      <c r="N44" s="203"/>
      <c r="O44" s="203"/>
      <c r="P44" s="203"/>
      <c r="Q44" s="204"/>
      <c r="R44" s="205"/>
      <c r="S44" s="205"/>
      <c r="T44" s="205"/>
      <c r="U44" s="205"/>
      <c r="V44" s="205"/>
      <c r="W44" s="206"/>
      <c r="Y44" s="9"/>
    </row>
    <row r="45" spans="2:25" ht="12" customHeight="1" x14ac:dyDescent="0.15">
      <c r="B45" s="157"/>
      <c r="G45" s="9"/>
      <c r="H45" s="156"/>
      <c r="I45" s="203"/>
      <c r="J45" s="203"/>
      <c r="K45" s="203"/>
      <c r="L45" s="203"/>
      <c r="M45" s="203"/>
      <c r="N45" s="203"/>
      <c r="O45" s="203"/>
      <c r="P45" s="203"/>
      <c r="Q45" s="210"/>
      <c r="R45" s="211"/>
      <c r="S45" s="211"/>
      <c r="T45" s="211"/>
      <c r="U45" s="211"/>
      <c r="V45" s="211"/>
      <c r="W45" s="212"/>
      <c r="Y45" s="9"/>
    </row>
    <row r="46" spans="2:25" ht="12" customHeight="1" x14ac:dyDescent="0.15">
      <c r="B46" s="157"/>
      <c r="G46" s="9"/>
      <c r="H46" s="156"/>
      <c r="I46" s="204" t="s">
        <v>352</v>
      </c>
      <c r="J46" s="205"/>
      <c r="K46" s="205"/>
      <c r="L46" s="205"/>
      <c r="M46" s="205"/>
      <c r="N46" s="205"/>
      <c r="O46" s="205"/>
      <c r="P46" s="206"/>
      <c r="Q46" s="204"/>
      <c r="R46" s="205"/>
      <c r="S46" s="205"/>
      <c r="T46" s="205"/>
      <c r="U46" s="205"/>
      <c r="V46" s="205"/>
      <c r="W46" s="206"/>
      <c r="Y46" s="9"/>
    </row>
    <row r="47" spans="2:25" ht="12" customHeight="1" x14ac:dyDescent="0.15">
      <c r="B47" s="157"/>
      <c r="G47" s="9"/>
      <c r="H47" s="156"/>
      <c r="I47" s="207"/>
      <c r="J47" s="208"/>
      <c r="K47" s="208"/>
      <c r="L47" s="208"/>
      <c r="M47" s="208"/>
      <c r="N47" s="208"/>
      <c r="O47" s="208"/>
      <c r="P47" s="209"/>
      <c r="Q47" s="207"/>
      <c r="R47" s="208"/>
      <c r="S47" s="208"/>
      <c r="T47" s="208"/>
      <c r="U47" s="208"/>
      <c r="V47" s="208"/>
      <c r="W47" s="209"/>
      <c r="Y47" s="9"/>
    </row>
    <row r="48" spans="2:25" ht="12" customHeight="1" x14ac:dyDescent="0.15">
      <c r="B48" s="157"/>
      <c r="G48" s="9"/>
      <c r="H48" s="156"/>
      <c r="I48" s="207"/>
      <c r="J48" s="208"/>
      <c r="K48" s="208"/>
      <c r="L48" s="208"/>
      <c r="M48" s="208"/>
      <c r="N48" s="208"/>
      <c r="O48" s="208"/>
      <c r="P48" s="209"/>
      <c r="Q48" s="207"/>
      <c r="R48" s="208"/>
      <c r="S48" s="208"/>
      <c r="T48" s="208"/>
      <c r="U48" s="208"/>
      <c r="V48" s="208"/>
      <c r="W48" s="209"/>
      <c r="Y48" s="9"/>
    </row>
    <row r="49" spans="2:25" ht="12" customHeight="1" x14ac:dyDescent="0.15">
      <c r="B49" s="157"/>
      <c r="G49" s="9"/>
      <c r="H49" s="156"/>
      <c r="I49" s="210"/>
      <c r="J49" s="211"/>
      <c r="K49" s="211"/>
      <c r="L49" s="211"/>
      <c r="M49" s="211"/>
      <c r="N49" s="211"/>
      <c r="O49" s="211"/>
      <c r="P49" s="212"/>
      <c r="Q49" s="210"/>
      <c r="R49" s="211"/>
      <c r="S49" s="211"/>
      <c r="T49" s="211"/>
      <c r="U49" s="211"/>
      <c r="V49" s="211"/>
      <c r="W49" s="212"/>
      <c r="Y49" s="9"/>
    </row>
    <row r="50" spans="2:25" ht="12" customHeight="1" x14ac:dyDescent="0.15">
      <c r="B50" s="157"/>
      <c r="G50" s="9"/>
      <c r="H50" s="156"/>
      <c r="I50" s="203" t="s">
        <v>351</v>
      </c>
      <c r="J50" s="203"/>
      <c r="K50" s="203"/>
      <c r="L50" s="203"/>
      <c r="M50" s="203"/>
      <c r="N50" s="203"/>
      <c r="O50" s="203"/>
      <c r="P50" s="203"/>
      <c r="Q50" s="273"/>
      <c r="R50" s="226"/>
      <c r="S50" s="226"/>
      <c r="T50" s="226"/>
      <c r="U50" s="226"/>
      <c r="V50" s="226"/>
      <c r="W50" s="227"/>
      <c r="Y50" s="9"/>
    </row>
    <row r="51" spans="2:25" ht="12" customHeight="1" x14ac:dyDescent="0.15">
      <c r="B51" s="157"/>
      <c r="G51" s="9"/>
      <c r="H51" s="156"/>
      <c r="I51" s="203"/>
      <c r="J51" s="203"/>
      <c r="K51" s="203"/>
      <c r="L51" s="203"/>
      <c r="M51" s="203"/>
      <c r="N51" s="203"/>
      <c r="O51" s="203"/>
      <c r="P51" s="203"/>
      <c r="Q51" s="228"/>
      <c r="R51" s="229"/>
      <c r="S51" s="229"/>
      <c r="T51" s="229"/>
      <c r="U51" s="229"/>
      <c r="V51" s="229"/>
      <c r="W51" s="230"/>
      <c r="Y51" s="9"/>
    </row>
    <row r="52" spans="2:25" ht="12" customHeight="1" x14ac:dyDescent="0.15">
      <c r="B52" s="157"/>
      <c r="G52" s="9"/>
      <c r="H52" s="156"/>
      <c r="I52" s="203" t="s">
        <v>350</v>
      </c>
      <c r="J52" s="203"/>
      <c r="K52" s="203"/>
      <c r="L52" s="203"/>
      <c r="M52" s="203"/>
      <c r="N52" s="203"/>
      <c r="O52" s="203"/>
      <c r="P52" s="203"/>
      <c r="Q52" s="273" t="s">
        <v>349</v>
      </c>
      <c r="R52" s="226"/>
      <c r="S52" s="226"/>
      <c r="T52" s="226"/>
      <c r="U52" s="226"/>
      <c r="V52" s="226"/>
      <c r="W52" s="227"/>
      <c r="Y52" s="9"/>
    </row>
    <row r="53" spans="2:25" ht="12" customHeight="1" x14ac:dyDescent="0.15">
      <c r="B53" s="157"/>
      <c r="G53" s="9"/>
      <c r="H53" s="156"/>
      <c r="I53" s="203"/>
      <c r="J53" s="203"/>
      <c r="K53" s="203"/>
      <c r="L53" s="203"/>
      <c r="M53" s="203"/>
      <c r="N53" s="203"/>
      <c r="O53" s="203"/>
      <c r="P53" s="203"/>
      <c r="Q53" s="228"/>
      <c r="R53" s="229"/>
      <c r="S53" s="229"/>
      <c r="T53" s="229"/>
      <c r="U53" s="229"/>
      <c r="V53" s="229"/>
      <c r="W53" s="230"/>
      <c r="Y53" s="9"/>
    </row>
    <row r="54" spans="2:25" ht="12" customHeight="1" x14ac:dyDescent="0.15">
      <c r="B54" s="157"/>
      <c r="G54" s="9"/>
      <c r="H54" s="156"/>
      <c r="I54" s="203" t="s">
        <v>348</v>
      </c>
      <c r="J54" s="203"/>
      <c r="K54" s="203"/>
      <c r="L54" s="203"/>
      <c r="M54" s="203"/>
      <c r="N54" s="203"/>
      <c r="O54" s="203"/>
      <c r="P54" s="203"/>
      <c r="Q54" s="273"/>
      <c r="R54" s="226"/>
      <c r="S54" s="226"/>
      <c r="T54" s="226"/>
      <c r="U54" s="226"/>
      <c r="V54" s="226"/>
      <c r="W54" s="227"/>
      <c r="Y54" s="9"/>
    </row>
    <row r="55" spans="2:25" ht="12" customHeight="1" x14ac:dyDescent="0.15">
      <c r="B55" s="157"/>
      <c r="G55" s="9"/>
      <c r="H55" s="156"/>
      <c r="I55" s="203"/>
      <c r="J55" s="203"/>
      <c r="K55" s="203"/>
      <c r="L55" s="203"/>
      <c r="M55" s="203"/>
      <c r="N55" s="203"/>
      <c r="O55" s="203"/>
      <c r="P55" s="203"/>
      <c r="Q55" s="228"/>
      <c r="R55" s="229"/>
      <c r="S55" s="229"/>
      <c r="T55" s="229"/>
      <c r="U55" s="229"/>
      <c r="V55" s="229"/>
      <c r="W55" s="230"/>
      <c r="Y55" s="9"/>
    </row>
    <row r="56" spans="2:25" ht="15" customHeight="1" x14ac:dyDescent="0.15">
      <c r="B56" s="102"/>
      <c r="C56" s="8"/>
      <c r="D56" s="8"/>
      <c r="E56" s="8"/>
      <c r="F56" s="8"/>
      <c r="G56" s="63"/>
      <c r="H56" s="155"/>
      <c r="I56" s="8"/>
      <c r="J56" s="8"/>
      <c r="K56" s="8"/>
      <c r="L56" s="8"/>
      <c r="M56" s="8"/>
      <c r="N56" s="8"/>
      <c r="O56" s="8"/>
      <c r="P56" s="8"/>
      <c r="Q56" s="8"/>
      <c r="R56" s="8"/>
      <c r="S56" s="8"/>
      <c r="T56" s="8"/>
      <c r="U56" s="8"/>
      <c r="V56" s="8"/>
      <c r="W56" s="274"/>
      <c r="X56" s="274"/>
      <c r="Y56" s="275"/>
    </row>
    <row r="57" spans="2:25" ht="15" customHeight="1" x14ac:dyDescent="0.15">
      <c r="Y57" s="147"/>
    </row>
    <row r="58" spans="2:25" ht="38.450000000000003" customHeight="1" x14ac:dyDescent="0.15">
      <c r="B58" s="272" t="s">
        <v>347</v>
      </c>
      <c r="C58" s="272"/>
      <c r="D58" s="272"/>
      <c r="E58" s="272"/>
      <c r="F58" s="272"/>
      <c r="G58" s="272"/>
      <c r="H58" s="272"/>
      <c r="I58" s="272"/>
      <c r="J58" s="272"/>
      <c r="K58" s="272"/>
      <c r="L58" s="272"/>
      <c r="M58" s="272"/>
      <c r="N58" s="272"/>
      <c r="O58" s="272"/>
      <c r="P58" s="272"/>
      <c r="Q58" s="272"/>
      <c r="R58" s="272"/>
      <c r="S58" s="272"/>
      <c r="T58" s="272"/>
      <c r="U58" s="272"/>
      <c r="V58" s="272"/>
      <c r="W58" s="272"/>
      <c r="X58" s="272"/>
      <c r="Y58" s="272"/>
    </row>
    <row r="59" spans="2:25" ht="24" customHeight="1" x14ac:dyDescent="0.15">
      <c r="B59" s="272" t="s">
        <v>346</v>
      </c>
      <c r="C59" s="272"/>
      <c r="D59" s="272"/>
      <c r="E59" s="272"/>
      <c r="F59" s="272"/>
      <c r="G59" s="272"/>
      <c r="H59" s="272"/>
      <c r="I59" s="272"/>
      <c r="J59" s="272"/>
      <c r="K59" s="272"/>
      <c r="L59" s="272"/>
      <c r="M59" s="272"/>
      <c r="N59" s="272"/>
      <c r="O59" s="272"/>
      <c r="P59" s="272"/>
      <c r="Q59" s="272"/>
      <c r="R59" s="272"/>
      <c r="S59" s="272"/>
      <c r="T59" s="272"/>
      <c r="U59" s="272"/>
      <c r="V59" s="272"/>
      <c r="W59" s="272"/>
      <c r="X59" s="272"/>
      <c r="Y59" s="272"/>
    </row>
    <row r="60" spans="2:25" ht="24" customHeight="1" x14ac:dyDescent="0.15">
      <c r="B60" s="272" t="s">
        <v>345</v>
      </c>
      <c r="C60" s="272"/>
      <c r="D60" s="272"/>
      <c r="E60" s="272"/>
      <c r="F60" s="272"/>
      <c r="G60" s="272"/>
      <c r="H60" s="272"/>
      <c r="I60" s="272"/>
      <c r="J60" s="272"/>
      <c r="K60" s="272"/>
      <c r="L60" s="272"/>
      <c r="M60" s="272"/>
      <c r="N60" s="272"/>
      <c r="O60" s="272"/>
      <c r="P60" s="272"/>
      <c r="Q60" s="272"/>
      <c r="R60" s="272"/>
      <c r="S60" s="272"/>
      <c r="T60" s="272"/>
      <c r="U60" s="272"/>
      <c r="V60" s="272"/>
      <c r="W60" s="272"/>
      <c r="X60" s="272"/>
      <c r="Y60" s="272"/>
    </row>
    <row r="61" spans="2:25" x14ac:dyDescent="0.15">
      <c r="B61" s="154" t="s">
        <v>344</v>
      </c>
      <c r="D61" s="92"/>
      <c r="E61" s="92"/>
      <c r="F61" s="92"/>
      <c r="G61" s="92"/>
      <c r="H61" s="92"/>
      <c r="I61" s="92"/>
      <c r="J61" s="92"/>
      <c r="K61" s="92"/>
      <c r="L61" s="92"/>
      <c r="M61" s="92"/>
      <c r="N61" s="92"/>
      <c r="O61" s="92"/>
      <c r="P61" s="92"/>
      <c r="Q61" s="92"/>
      <c r="R61" s="92"/>
      <c r="S61" s="92"/>
      <c r="T61" s="92"/>
      <c r="U61" s="92"/>
      <c r="V61" s="92"/>
      <c r="W61" s="92"/>
      <c r="X61" s="92"/>
      <c r="Y61" s="92"/>
    </row>
    <row r="62" spans="2:25" x14ac:dyDescent="0.15">
      <c r="B62" s="154"/>
      <c r="D62" s="90"/>
      <c r="E62" s="90"/>
      <c r="F62" s="90"/>
      <c r="G62" s="90"/>
      <c r="H62" s="90"/>
      <c r="I62" s="90"/>
      <c r="J62" s="90"/>
      <c r="K62" s="90"/>
      <c r="L62" s="90"/>
      <c r="M62" s="90"/>
      <c r="N62" s="90"/>
      <c r="O62" s="90"/>
      <c r="P62" s="90"/>
      <c r="Q62" s="90"/>
      <c r="R62" s="90"/>
      <c r="S62" s="90"/>
      <c r="T62" s="90"/>
      <c r="U62" s="90"/>
      <c r="V62" s="90"/>
      <c r="W62" s="90"/>
      <c r="X62" s="90"/>
      <c r="Y62" s="90"/>
    </row>
    <row r="122" spans="3:7" x14ac:dyDescent="0.15">
      <c r="C122" s="8"/>
      <c r="D122" s="8"/>
      <c r="E122" s="8"/>
      <c r="F122" s="8"/>
      <c r="G122" s="8"/>
    </row>
    <row r="123" spans="3:7" x14ac:dyDescent="0.15">
      <c r="C123" s="64"/>
    </row>
  </sheetData>
  <mergeCells count="38">
    <mergeCell ref="S3:T3"/>
    <mergeCell ref="B4:Y4"/>
    <mergeCell ref="H6:Y6"/>
    <mergeCell ref="C15:G15"/>
    <mergeCell ref="I16:P17"/>
    <mergeCell ref="Q16:W17"/>
    <mergeCell ref="I18:P21"/>
    <mergeCell ref="Q18:W21"/>
    <mergeCell ref="I22:P23"/>
    <mergeCell ref="Q22:W23"/>
    <mergeCell ref="I24:P25"/>
    <mergeCell ref="Q24:W25"/>
    <mergeCell ref="I26:P27"/>
    <mergeCell ref="Q26:W27"/>
    <mergeCell ref="I30:P31"/>
    <mergeCell ref="Q30:W31"/>
    <mergeCell ref="I32:P35"/>
    <mergeCell ref="Q32:W35"/>
    <mergeCell ref="I36:P37"/>
    <mergeCell ref="Q36:W37"/>
    <mergeCell ref="I38:P39"/>
    <mergeCell ref="Q38:W39"/>
    <mergeCell ref="I40:P41"/>
    <mergeCell ref="Q40:W41"/>
    <mergeCell ref="I44:P45"/>
    <mergeCell ref="Q44:W45"/>
    <mergeCell ref="I46:P49"/>
    <mergeCell ref="Q46:W49"/>
    <mergeCell ref="I50:P51"/>
    <mergeCell ref="Q50:W51"/>
    <mergeCell ref="B59:Y59"/>
    <mergeCell ref="B60:Y60"/>
    <mergeCell ref="I52:P53"/>
    <mergeCell ref="Q52:W53"/>
    <mergeCell ref="I54:P55"/>
    <mergeCell ref="Q54:W55"/>
    <mergeCell ref="W56:Y56"/>
    <mergeCell ref="B58:Y58"/>
  </mergeCells>
  <phoneticPr fontId="3"/>
  <dataValidations count="1">
    <dataValidation type="list" allowBlank="1" showInputMessage="1" showErrorMessage="1" sqref="R7 M7 H7:H13 P8:P12">
      <formula1>"□,■"</formula1>
    </dataValidation>
  </dataValidations>
  <pageMargins left="0.7" right="0.7" top="0.75" bottom="0.75" header="0.3" footer="0.3"/>
  <pageSetup paperSize="9" scale="8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J969"/>
  <sheetViews>
    <sheetView zoomScaleNormal="100" zoomScaleSheetLayoutView="130" workbookViewId="0">
      <selection activeCell="B5" sqref="B5:AE5"/>
    </sheetView>
  </sheetViews>
  <sheetFormatPr defaultColWidth="4" defaultRowHeight="13.5" x14ac:dyDescent="0.15"/>
  <cols>
    <col min="1" max="1" width="2.875" style="74" customWidth="1"/>
    <col min="2" max="2" width="2.375" style="74" customWidth="1"/>
    <col min="3" max="3" width="3.5" style="74" customWidth="1"/>
    <col min="4" max="13" width="3.625" style="74" customWidth="1"/>
    <col min="14" max="14" width="4.875" style="74" customWidth="1"/>
    <col min="15" max="15" width="3.625" style="74" customWidth="1"/>
    <col min="16" max="16" width="1.5" style="74" customWidth="1"/>
    <col min="17" max="18" width="3.625" style="74" customWidth="1"/>
    <col min="19" max="19" width="2.75" style="74" customWidth="1"/>
    <col min="20" max="31" width="3.625" style="74" customWidth="1"/>
    <col min="32" max="16384" width="4" style="74"/>
  </cols>
  <sheetData>
    <row r="2" spans="2:31" x14ac:dyDescent="0.15">
      <c r="B2" s="74" t="s">
        <v>339</v>
      </c>
    </row>
    <row r="3" spans="2:31" x14ac:dyDescent="0.15">
      <c r="U3" s="4"/>
      <c r="X3" s="11" t="s">
        <v>10</v>
      </c>
      <c r="Y3" s="208"/>
      <c r="Z3" s="208"/>
      <c r="AA3" s="11" t="s">
        <v>9</v>
      </c>
      <c r="AB3" s="69"/>
      <c r="AC3" s="11" t="s">
        <v>24</v>
      </c>
      <c r="AD3" s="69"/>
      <c r="AE3" s="11" t="s">
        <v>25</v>
      </c>
    </row>
    <row r="4" spans="2:31" x14ac:dyDescent="0.15">
      <c r="T4" s="153"/>
      <c r="U4" s="153"/>
      <c r="V4" s="153"/>
    </row>
    <row r="5" spans="2:31" x14ac:dyDescent="0.15">
      <c r="B5" s="208" t="s">
        <v>338</v>
      </c>
      <c r="C5" s="208"/>
      <c r="D5" s="208"/>
      <c r="E5" s="208"/>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c r="AE5" s="208"/>
    </row>
    <row r="6" spans="2:31" x14ac:dyDescent="0.15">
      <c r="B6" s="208" t="s">
        <v>337</v>
      </c>
      <c r="C6" s="208"/>
      <c r="D6" s="208"/>
      <c r="E6" s="208"/>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c r="AE6" s="69"/>
    </row>
    <row r="7" spans="2:31" ht="23.25" customHeight="1" x14ac:dyDescent="0.15"/>
    <row r="8" spans="2:31" ht="23.25" customHeight="1" x14ac:dyDescent="0.15">
      <c r="B8" s="151" t="s">
        <v>336</v>
      </c>
      <c r="C8" s="151"/>
      <c r="D8" s="151"/>
      <c r="E8" s="151"/>
      <c r="F8" s="215"/>
      <c r="G8" s="213"/>
      <c r="H8" s="213"/>
      <c r="I8" s="213"/>
      <c r="J8" s="213"/>
      <c r="K8" s="213"/>
      <c r="L8" s="213"/>
      <c r="M8" s="213"/>
      <c r="N8" s="213"/>
      <c r="O8" s="213"/>
      <c r="P8" s="213"/>
      <c r="Q8" s="213"/>
      <c r="R8" s="213"/>
      <c r="S8" s="213"/>
      <c r="T8" s="213"/>
      <c r="U8" s="213"/>
      <c r="V8" s="213"/>
      <c r="W8" s="213"/>
      <c r="X8" s="213"/>
      <c r="Y8" s="213"/>
      <c r="Z8" s="213"/>
      <c r="AA8" s="213"/>
      <c r="AB8" s="213"/>
      <c r="AC8" s="213"/>
      <c r="AD8" s="213"/>
      <c r="AE8" s="214"/>
    </row>
    <row r="9" spans="2:31" ht="24.95" customHeight="1" x14ac:dyDescent="0.15">
      <c r="B9" s="151" t="s">
        <v>335</v>
      </c>
      <c r="C9" s="151"/>
      <c r="D9" s="151"/>
      <c r="E9" s="151"/>
      <c r="F9" s="76" t="s">
        <v>0</v>
      </c>
      <c r="G9" s="100" t="s">
        <v>334</v>
      </c>
      <c r="H9" s="100"/>
      <c r="I9" s="100"/>
      <c r="J9" s="100"/>
      <c r="K9" s="77" t="s">
        <v>0</v>
      </c>
      <c r="L9" s="100" t="s">
        <v>333</v>
      </c>
      <c r="M9" s="100"/>
      <c r="N9" s="100"/>
      <c r="O9" s="100"/>
      <c r="P9" s="100"/>
      <c r="Q9" s="77" t="s">
        <v>0</v>
      </c>
      <c r="R9" s="100" t="s">
        <v>332</v>
      </c>
      <c r="S9" s="100"/>
      <c r="T9" s="100"/>
      <c r="U9" s="100"/>
      <c r="V9" s="100"/>
      <c r="W9" s="100"/>
      <c r="X9" s="100"/>
      <c r="Y9" s="100"/>
      <c r="Z9" s="100"/>
      <c r="AA9" s="100"/>
      <c r="AB9" s="100"/>
      <c r="AC9" s="100"/>
      <c r="AD9" s="72"/>
      <c r="AE9" s="73"/>
    </row>
    <row r="10" spans="2:31" ht="24.95" customHeight="1" x14ac:dyDescent="0.15">
      <c r="B10" s="204" t="s">
        <v>331</v>
      </c>
      <c r="C10" s="205"/>
      <c r="D10" s="205"/>
      <c r="E10" s="206"/>
      <c r="F10" s="69" t="s">
        <v>0</v>
      </c>
      <c r="G10" s="4" t="s">
        <v>330</v>
      </c>
      <c r="H10" s="4"/>
      <c r="I10" s="4"/>
      <c r="J10" s="4"/>
      <c r="K10" s="4"/>
      <c r="L10" s="4"/>
      <c r="M10" s="4"/>
      <c r="N10" s="4"/>
      <c r="O10" s="4"/>
      <c r="Q10" s="94"/>
      <c r="R10" s="80" t="s">
        <v>0</v>
      </c>
      <c r="S10" s="4" t="s">
        <v>329</v>
      </c>
      <c r="T10" s="4"/>
      <c r="U10" s="4"/>
      <c r="V10" s="4"/>
      <c r="W10" s="152"/>
      <c r="X10" s="152"/>
      <c r="Y10" s="152"/>
      <c r="Z10" s="152"/>
      <c r="AA10" s="152"/>
      <c r="AB10" s="152"/>
      <c r="AC10" s="152"/>
      <c r="AD10" s="94"/>
      <c r="AE10" s="95"/>
    </row>
    <row r="11" spans="2:31" ht="24.95" customHeight="1" x14ac:dyDescent="0.15">
      <c r="B11" s="207"/>
      <c r="C11" s="208"/>
      <c r="D11" s="208"/>
      <c r="E11" s="209"/>
      <c r="F11" s="69" t="s">
        <v>0</v>
      </c>
      <c r="G11" s="4" t="s">
        <v>328</v>
      </c>
      <c r="H11" s="4"/>
      <c r="I11" s="4"/>
      <c r="J11" s="4"/>
      <c r="K11" s="4"/>
      <c r="L11" s="4"/>
      <c r="M11" s="4"/>
      <c r="N11" s="4"/>
      <c r="O11" s="4"/>
      <c r="R11" s="69" t="s">
        <v>0</v>
      </c>
      <c r="S11" s="4" t="s">
        <v>327</v>
      </c>
      <c r="T11" s="4"/>
      <c r="U11" s="4"/>
      <c r="V11" s="4"/>
      <c r="W11" s="4"/>
      <c r="X11" s="4"/>
      <c r="Y11" s="4"/>
      <c r="Z11" s="4"/>
      <c r="AA11" s="4"/>
      <c r="AB11" s="4"/>
      <c r="AC11" s="4"/>
      <c r="AE11" s="75"/>
    </row>
    <row r="12" spans="2:31" ht="24.95" customHeight="1" x14ac:dyDescent="0.15">
      <c r="B12" s="151" t="s">
        <v>326</v>
      </c>
      <c r="C12" s="151"/>
      <c r="D12" s="151"/>
      <c r="E12" s="151"/>
      <c r="F12" s="76" t="s">
        <v>0</v>
      </c>
      <c r="G12" s="100" t="s">
        <v>325</v>
      </c>
      <c r="H12" s="150"/>
      <c r="I12" s="150"/>
      <c r="J12" s="150"/>
      <c r="K12" s="150"/>
      <c r="L12" s="150"/>
      <c r="M12" s="150"/>
      <c r="N12" s="150"/>
      <c r="O12" s="150"/>
      <c r="P12" s="150"/>
      <c r="Q12" s="72"/>
      <c r="R12" s="77" t="s">
        <v>0</v>
      </c>
      <c r="S12" s="100" t="s">
        <v>324</v>
      </c>
      <c r="T12" s="150"/>
      <c r="U12" s="150"/>
      <c r="V12" s="150"/>
      <c r="W12" s="150"/>
      <c r="X12" s="150"/>
      <c r="Y12" s="150"/>
      <c r="Z12" s="150"/>
      <c r="AA12" s="150"/>
      <c r="AB12" s="150"/>
      <c r="AC12" s="150"/>
      <c r="AD12" s="72"/>
      <c r="AE12" s="73"/>
    </row>
    <row r="13" spans="2:31" ht="24.95" customHeight="1" x14ac:dyDescent="0.15"/>
    <row r="14" spans="2:31" ht="24.95" customHeight="1" x14ac:dyDescent="0.15">
      <c r="B14" s="71"/>
      <c r="C14" s="72"/>
      <c r="D14" s="72"/>
      <c r="E14" s="72"/>
      <c r="F14" s="72"/>
      <c r="G14" s="72"/>
      <c r="H14" s="72"/>
      <c r="I14" s="72"/>
      <c r="J14" s="72"/>
      <c r="K14" s="72"/>
      <c r="L14" s="72"/>
      <c r="M14" s="72"/>
      <c r="N14" s="72"/>
      <c r="O14" s="72"/>
      <c r="P14" s="72"/>
      <c r="Q14" s="72"/>
      <c r="R14" s="72"/>
      <c r="S14" s="72"/>
      <c r="T14" s="72"/>
      <c r="U14" s="72"/>
      <c r="V14" s="72"/>
      <c r="W14" s="72"/>
      <c r="X14" s="72"/>
      <c r="Y14" s="72"/>
      <c r="Z14" s="73"/>
      <c r="AA14" s="76"/>
      <c r="AB14" s="77" t="s">
        <v>20</v>
      </c>
      <c r="AC14" s="77" t="s">
        <v>188</v>
      </c>
      <c r="AD14" s="77" t="s">
        <v>21</v>
      </c>
      <c r="AE14" s="73"/>
    </row>
    <row r="15" spans="2:31" ht="24.95" customHeight="1" x14ac:dyDescent="0.15">
      <c r="B15" s="93" t="s">
        <v>323</v>
      </c>
      <c r="C15" s="94"/>
      <c r="D15" s="94"/>
      <c r="E15" s="94"/>
      <c r="F15" s="94"/>
      <c r="G15" s="94"/>
      <c r="H15" s="94"/>
      <c r="I15" s="94"/>
      <c r="J15" s="94"/>
      <c r="K15" s="94"/>
      <c r="L15" s="94"/>
      <c r="M15" s="94"/>
      <c r="N15" s="94"/>
      <c r="O15" s="94"/>
      <c r="P15" s="94"/>
      <c r="Q15" s="94"/>
      <c r="R15" s="94"/>
      <c r="S15" s="94"/>
      <c r="T15" s="94"/>
      <c r="U15" s="94"/>
      <c r="V15" s="94"/>
      <c r="W15" s="94"/>
      <c r="X15" s="94"/>
      <c r="Y15" s="94"/>
      <c r="Z15" s="149"/>
      <c r="AA15" s="79"/>
      <c r="AB15" s="80"/>
      <c r="AC15" s="80"/>
      <c r="AD15" s="94"/>
      <c r="AE15" s="95"/>
    </row>
    <row r="16" spans="2:31" ht="30.75" customHeight="1" x14ac:dyDescent="0.15">
      <c r="B16" s="3"/>
      <c r="C16" s="32" t="s">
        <v>322</v>
      </c>
      <c r="D16" s="74" t="s">
        <v>321</v>
      </c>
      <c r="Z16" s="146"/>
      <c r="AA16" s="33"/>
      <c r="AB16" s="69" t="s">
        <v>0</v>
      </c>
      <c r="AC16" s="69" t="s">
        <v>314</v>
      </c>
      <c r="AD16" s="69" t="s">
        <v>0</v>
      </c>
      <c r="AE16" s="75"/>
    </row>
    <row r="17" spans="2:31" x14ac:dyDescent="0.15">
      <c r="B17" s="3"/>
      <c r="D17" s="74" t="s">
        <v>320</v>
      </c>
      <c r="Z17" s="2"/>
      <c r="AA17" s="81"/>
      <c r="AB17" s="69"/>
      <c r="AC17" s="69"/>
      <c r="AE17" s="75"/>
    </row>
    <row r="18" spans="2:31" x14ac:dyDescent="0.15">
      <c r="B18" s="3"/>
      <c r="Z18" s="2"/>
      <c r="AA18" s="81"/>
      <c r="AB18" s="69"/>
      <c r="AC18" s="69"/>
      <c r="AE18" s="75"/>
    </row>
    <row r="19" spans="2:31" x14ac:dyDescent="0.15">
      <c r="B19" s="3"/>
      <c r="D19" s="103" t="s">
        <v>299</v>
      </c>
      <c r="E19" s="100"/>
      <c r="F19" s="100"/>
      <c r="G19" s="100"/>
      <c r="H19" s="100"/>
      <c r="I19" s="100"/>
      <c r="J19" s="100"/>
      <c r="K19" s="100"/>
      <c r="L19" s="100"/>
      <c r="M19" s="100"/>
      <c r="N19" s="100"/>
      <c r="O19" s="72"/>
      <c r="P19" s="72"/>
      <c r="Q19" s="72"/>
      <c r="R19" s="72"/>
      <c r="S19" s="100"/>
      <c r="T19" s="100"/>
      <c r="U19" s="215"/>
      <c r="V19" s="213"/>
      <c r="W19" s="213"/>
      <c r="X19" s="72" t="s">
        <v>27</v>
      </c>
      <c r="Y19" s="3"/>
      <c r="Z19" s="2"/>
      <c r="AA19" s="81"/>
      <c r="AB19" s="69"/>
      <c r="AC19" s="69"/>
      <c r="AE19" s="75"/>
    </row>
    <row r="20" spans="2:31" x14ac:dyDescent="0.15">
      <c r="B20" s="3"/>
      <c r="D20" s="103" t="s">
        <v>319</v>
      </c>
      <c r="E20" s="100"/>
      <c r="F20" s="100"/>
      <c r="G20" s="100"/>
      <c r="H20" s="100"/>
      <c r="I20" s="100"/>
      <c r="J20" s="100"/>
      <c r="K20" s="100"/>
      <c r="L20" s="100"/>
      <c r="M20" s="100"/>
      <c r="N20" s="100"/>
      <c r="O20" s="72"/>
      <c r="P20" s="72"/>
      <c r="Q20" s="72"/>
      <c r="R20" s="72"/>
      <c r="S20" s="100"/>
      <c r="T20" s="100"/>
      <c r="U20" s="215"/>
      <c r="V20" s="213"/>
      <c r="W20" s="213"/>
      <c r="X20" s="72" t="s">
        <v>27</v>
      </c>
      <c r="Y20" s="3"/>
      <c r="Z20" s="75"/>
      <c r="AA20" s="81"/>
      <c r="AB20" s="69"/>
      <c r="AC20" s="69"/>
      <c r="AE20" s="75"/>
    </row>
    <row r="21" spans="2:31" x14ac:dyDescent="0.15">
      <c r="B21" s="3"/>
      <c r="D21" s="103" t="s">
        <v>318</v>
      </c>
      <c r="E21" s="100"/>
      <c r="F21" s="100"/>
      <c r="G21" s="100"/>
      <c r="H21" s="100"/>
      <c r="I21" s="100"/>
      <c r="J21" s="100"/>
      <c r="K21" s="100"/>
      <c r="L21" s="100"/>
      <c r="M21" s="100"/>
      <c r="N21" s="100"/>
      <c r="O21" s="72"/>
      <c r="P21" s="72"/>
      <c r="Q21" s="72"/>
      <c r="R21" s="72"/>
      <c r="S21" s="100"/>
      <c r="T21" s="148" t="str">
        <f>(IFERROR(ROUNDDOWN(T20/T19*100,0),""))</f>
        <v/>
      </c>
      <c r="U21" s="267" t="str">
        <f>(IFERROR(ROUNDDOWN(U20/U19*100,0),""))</f>
        <v/>
      </c>
      <c r="V21" s="268"/>
      <c r="W21" s="268"/>
      <c r="X21" s="72" t="s">
        <v>317</v>
      </c>
      <c r="Y21" s="3"/>
      <c r="Z21" s="82"/>
      <c r="AA21" s="81"/>
      <c r="AB21" s="69"/>
      <c r="AC21" s="69"/>
      <c r="AE21" s="75"/>
    </row>
    <row r="22" spans="2:31" ht="13.5" customHeight="1" x14ac:dyDescent="0.15">
      <c r="B22" s="3"/>
      <c r="D22" s="74" t="s">
        <v>295</v>
      </c>
      <c r="Z22" s="82"/>
      <c r="AA22" s="81"/>
      <c r="AB22" s="69"/>
      <c r="AC22" s="69"/>
      <c r="AE22" s="75"/>
    </row>
    <row r="23" spans="2:31" x14ac:dyDescent="0.15">
      <c r="B23" s="3"/>
      <c r="Z23" s="82"/>
      <c r="AA23" s="81"/>
      <c r="AB23" s="69"/>
      <c r="AC23" s="69"/>
      <c r="AE23" s="75"/>
    </row>
    <row r="24" spans="2:31" x14ac:dyDescent="0.15">
      <c r="B24" s="3"/>
      <c r="Z24" s="82"/>
      <c r="AA24" s="81"/>
      <c r="AB24" s="69"/>
      <c r="AC24" s="69"/>
      <c r="AE24" s="75"/>
    </row>
    <row r="25" spans="2:31" x14ac:dyDescent="0.15">
      <c r="B25" s="3"/>
      <c r="C25" s="32" t="s">
        <v>316</v>
      </c>
      <c r="D25" s="74" t="s">
        <v>315</v>
      </c>
      <c r="Z25" s="146"/>
      <c r="AA25" s="81"/>
      <c r="AB25" s="69" t="s">
        <v>0</v>
      </c>
      <c r="AC25" s="69" t="s">
        <v>314</v>
      </c>
      <c r="AD25" s="69" t="s">
        <v>0</v>
      </c>
      <c r="AE25" s="75"/>
    </row>
    <row r="26" spans="2:31" x14ac:dyDescent="0.15">
      <c r="B26" s="3"/>
      <c r="C26" s="32"/>
      <c r="D26" s="74" t="s">
        <v>313</v>
      </c>
      <c r="Z26" s="146"/>
      <c r="AA26" s="81"/>
      <c r="AB26" s="69"/>
      <c r="AC26" s="69"/>
      <c r="AD26" s="69"/>
      <c r="AE26" s="75"/>
    </row>
    <row r="27" spans="2:31" x14ac:dyDescent="0.15">
      <c r="B27" s="3"/>
      <c r="C27" s="32"/>
      <c r="D27" s="74" t="s">
        <v>312</v>
      </c>
      <c r="Z27" s="146"/>
      <c r="AA27" s="33"/>
      <c r="AB27" s="69"/>
      <c r="AC27" s="99"/>
      <c r="AE27" s="75"/>
    </row>
    <row r="28" spans="2:31" x14ac:dyDescent="0.15">
      <c r="B28" s="3"/>
      <c r="Z28" s="82"/>
      <c r="AA28" s="81"/>
      <c r="AB28" s="69"/>
      <c r="AC28" s="69"/>
      <c r="AE28" s="75"/>
    </row>
    <row r="29" spans="2:31" x14ac:dyDescent="0.15">
      <c r="B29" s="3"/>
      <c r="C29" s="32"/>
      <c r="D29" s="103" t="s">
        <v>28</v>
      </c>
      <c r="E29" s="100"/>
      <c r="F29" s="100"/>
      <c r="G29" s="100"/>
      <c r="H29" s="100"/>
      <c r="I29" s="100"/>
      <c r="J29" s="100"/>
      <c r="K29" s="100"/>
      <c r="L29" s="100"/>
      <c r="M29" s="100"/>
      <c r="N29" s="100"/>
      <c r="O29" s="72"/>
      <c r="P29" s="72"/>
      <c r="Q29" s="72"/>
      <c r="R29" s="72"/>
      <c r="S29" s="72"/>
      <c r="T29" s="73"/>
      <c r="U29" s="215"/>
      <c r="V29" s="213"/>
      <c r="W29" s="213"/>
      <c r="X29" s="73" t="s">
        <v>27</v>
      </c>
      <c r="Y29" s="3"/>
      <c r="Z29" s="82"/>
      <c r="AA29" s="81"/>
      <c r="AB29" s="69"/>
      <c r="AC29" s="69"/>
      <c r="AE29" s="75"/>
    </row>
    <row r="30" spans="2:31" x14ac:dyDescent="0.15">
      <c r="B30" s="3"/>
      <c r="C30" s="32"/>
      <c r="D30" s="4"/>
      <c r="E30" s="4"/>
      <c r="F30" s="4"/>
      <c r="G30" s="4"/>
      <c r="H30" s="4"/>
      <c r="I30" s="4"/>
      <c r="J30" s="4"/>
      <c r="K30" s="4"/>
      <c r="L30" s="4"/>
      <c r="M30" s="4"/>
      <c r="N30" s="4"/>
      <c r="U30" s="69"/>
      <c r="V30" s="69"/>
      <c r="W30" s="69"/>
      <c r="Z30" s="82"/>
      <c r="AA30" s="81"/>
      <c r="AB30" s="69"/>
      <c r="AC30" s="69"/>
      <c r="AE30" s="75"/>
    </row>
    <row r="31" spans="2:31" x14ac:dyDescent="0.15">
      <c r="B31" s="3"/>
      <c r="C31" s="32"/>
      <c r="D31" s="35" t="s">
        <v>29</v>
      </c>
      <c r="Z31" s="82"/>
      <c r="AA31" s="81"/>
      <c r="AB31" s="69"/>
      <c r="AC31" s="69"/>
      <c r="AE31" s="75"/>
    </row>
    <row r="32" spans="2:31" ht="13.5" customHeight="1" x14ac:dyDescent="0.15">
      <c r="B32" s="3"/>
      <c r="C32" s="32"/>
      <c r="D32" s="266" t="s">
        <v>311</v>
      </c>
      <c r="E32" s="266"/>
      <c r="F32" s="266"/>
      <c r="G32" s="266"/>
      <c r="H32" s="266"/>
      <c r="I32" s="266"/>
      <c r="J32" s="266"/>
      <c r="K32" s="266"/>
      <c r="L32" s="266"/>
      <c r="M32" s="266"/>
      <c r="N32" s="266"/>
      <c r="O32" s="266" t="s">
        <v>30</v>
      </c>
      <c r="P32" s="266"/>
      <c r="Q32" s="266"/>
      <c r="R32" s="266"/>
      <c r="S32" s="266"/>
      <c r="Z32" s="82"/>
      <c r="AA32" s="81"/>
      <c r="AB32" s="69"/>
      <c r="AC32" s="69"/>
      <c r="AE32" s="75"/>
    </row>
    <row r="33" spans="2:36" x14ac:dyDescent="0.15">
      <c r="B33" s="3"/>
      <c r="C33" s="32"/>
      <c r="D33" s="266" t="s">
        <v>31</v>
      </c>
      <c r="E33" s="266"/>
      <c r="F33" s="266"/>
      <c r="G33" s="266"/>
      <c r="H33" s="266"/>
      <c r="I33" s="266"/>
      <c r="J33" s="266"/>
      <c r="K33" s="266"/>
      <c r="L33" s="266"/>
      <c r="M33" s="266"/>
      <c r="N33" s="266"/>
      <c r="O33" s="266" t="s">
        <v>32</v>
      </c>
      <c r="P33" s="266"/>
      <c r="Q33" s="266"/>
      <c r="R33" s="266"/>
      <c r="S33" s="266"/>
      <c r="Z33" s="82"/>
      <c r="AA33" s="81"/>
      <c r="AB33" s="69"/>
      <c r="AC33" s="69"/>
      <c r="AE33" s="75"/>
    </row>
    <row r="34" spans="2:36" ht="13.5" customHeight="1" x14ac:dyDescent="0.15">
      <c r="B34" s="3"/>
      <c r="C34" s="32"/>
      <c r="D34" s="266" t="s">
        <v>33</v>
      </c>
      <c r="E34" s="266"/>
      <c r="F34" s="266"/>
      <c r="G34" s="266"/>
      <c r="H34" s="266"/>
      <c r="I34" s="266"/>
      <c r="J34" s="266"/>
      <c r="K34" s="266"/>
      <c r="L34" s="266"/>
      <c r="M34" s="266"/>
      <c r="N34" s="266"/>
      <c r="O34" s="266" t="s">
        <v>34</v>
      </c>
      <c r="P34" s="266"/>
      <c r="Q34" s="266"/>
      <c r="R34" s="266"/>
      <c r="S34" s="266"/>
      <c r="Z34" s="82"/>
      <c r="AA34" s="81"/>
      <c r="AB34" s="69"/>
      <c r="AC34" s="69"/>
      <c r="AE34" s="75"/>
    </row>
    <row r="35" spans="2:36" x14ac:dyDescent="0.15">
      <c r="B35" s="3"/>
      <c r="C35" s="32"/>
      <c r="D35" s="266" t="s">
        <v>35</v>
      </c>
      <c r="E35" s="266"/>
      <c r="F35" s="266"/>
      <c r="G35" s="266"/>
      <c r="H35" s="266"/>
      <c r="I35" s="266"/>
      <c r="J35" s="266"/>
      <c r="K35" s="266"/>
      <c r="L35" s="266"/>
      <c r="M35" s="266"/>
      <c r="N35" s="266"/>
      <c r="O35" s="266" t="s">
        <v>36</v>
      </c>
      <c r="P35" s="266"/>
      <c r="Q35" s="266"/>
      <c r="R35" s="266"/>
      <c r="S35" s="266"/>
      <c r="Z35" s="82"/>
      <c r="AA35" s="81"/>
      <c r="AB35" s="69"/>
      <c r="AC35" s="69"/>
      <c r="AE35" s="75"/>
    </row>
    <row r="36" spans="2:36" x14ac:dyDescent="0.15">
      <c r="B36" s="3"/>
      <c r="C36" s="32"/>
      <c r="D36" s="266" t="s">
        <v>37</v>
      </c>
      <c r="E36" s="266"/>
      <c r="F36" s="266"/>
      <c r="G36" s="266"/>
      <c r="H36" s="266"/>
      <c r="I36" s="266"/>
      <c r="J36" s="266"/>
      <c r="K36" s="266"/>
      <c r="L36" s="266"/>
      <c r="M36" s="266"/>
      <c r="N36" s="266"/>
      <c r="O36" s="266" t="s">
        <v>38</v>
      </c>
      <c r="P36" s="266"/>
      <c r="Q36" s="266"/>
      <c r="R36" s="266"/>
      <c r="S36" s="266"/>
      <c r="Z36" s="82"/>
      <c r="AA36" s="81"/>
      <c r="AB36" s="69"/>
      <c r="AC36" s="69"/>
      <c r="AE36" s="75"/>
    </row>
    <row r="37" spans="2:36" x14ac:dyDescent="0.15">
      <c r="B37" s="3"/>
      <c r="C37" s="32"/>
      <c r="D37" s="266" t="s">
        <v>39</v>
      </c>
      <c r="E37" s="266"/>
      <c r="F37" s="266"/>
      <c r="G37" s="266"/>
      <c r="H37" s="266"/>
      <c r="I37" s="266"/>
      <c r="J37" s="266"/>
      <c r="K37" s="266"/>
      <c r="L37" s="266"/>
      <c r="M37" s="266"/>
      <c r="N37" s="266"/>
      <c r="O37" s="266" t="s">
        <v>40</v>
      </c>
      <c r="P37" s="266"/>
      <c r="Q37" s="266"/>
      <c r="R37" s="266"/>
      <c r="S37" s="266"/>
      <c r="Z37" s="82"/>
      <c r="AA37" s="81"/>
      <c r="AB37" s="69"/>
      <c r="AC37" s="69"/>
      <c r="AE37" s="75"/>
    </row>
    <row r="38" spans="2:36" x14ac:dyDescent="0.15">
      <c r="B38" s="3"/>
      <c r="C38" s="32"/>
      <c r="D38" s="266" t="s">
        <v>41</v>
      </c>
      <c r="E38" s="266"/>
      <c r="F38" s="266"/>
      <c r="G38" s="266"/>
      <c r="H38" s="266"/>
      <c r="I38" s="266"/>
      <c r="J38" s="266"/>
      <c r="K38" s="266"/>
      <c r="L38" s="266"/>
      <c r="M38" s="266"/>
      <c r="N38" s="266"/>
      <c r="O38" s="266" t="s">
        <v>42</v>
      </c>
      <c r="P38" s="266"/>
      <c r="Q38" s="266"/>
      <c r="R38" s="266"/>
      <c r="S38" s="269"/>
      <c r="T38" s="3"/>
      <c r="Z38" s="82"/>
      <c r="AA38" s="81"/>
      <c r="AB38" s="69"/>
      <c r="AC38" s="69"/>
      <c r="AE38" s="75"/>
    </row>
    <row r="39" spans="2:36" x14ac:dyDescent="0.15">
      <c r="B39" s="3"/>
      <c r="C39" s="32"/>
      <c r="D39" s="266" t="s">
        <v>310</v>
      </c>
      <c r="E39" s="266"/>
      <c r="F39" s="266"/>
      <c r="G39" s="266"/>
      <c r="H39" s="266"/>
      <c r="I39" s="266"/>
      <c r="J39" s="266"/>
      <c r="K39" s="266"/>
      <c r="L39" s="266"/>
      <c r="M39" s="266"/>
      <c r="N39" s="266"/>
      <c r="O39" s="270" t="s">
        <v>309</v>
      </c>
      <c r="P39" s="270"/>
      <c r="Q39" s="270"/>
      <c r="R39" s="270"/>
      <c r="S39" s="270"/>
      <c r="Z39" s="2"/>
      <c r="AA39" s="81"/>
      <c r="AB39" s="69"/>
      <c r="AC39" s="69"/>
      <c r="AE39" s="75"/>
    </row>
    <row r="40" spans="2:36" x14ac:dyDescent="0.15">
      <c r="B40" s="3"/>
      <c r="C40" s="32"/>
      <c r="J40" s="208"/>
      <c r="K40" s="208"/>
      <c r="L40" s="208"/>
      <c r="M40" s="208"/>
      <c r="N40" s="208"/>
      <c r="O40" s="208"/>
      <c r="P40" s="208"/>
      <c r="Q40" s="208"/>
      <c r="R40" s="208"/>
      <c r="S40" s="208"/>
      <c r="T40" s="208"/>
      <c r="U40" s="208"/>
      <c r="V40" s="208"/>
      <c r="Z40" s="2"/>
      <c r="AA40" s="81"/>
      <c r="AB40" s="69"/>
      <c r="AC40" s="69"/>
      <c r="AE40" s="75"/>
    </row>
    <row r="41" spans="2:36" x14ac:dyDescent="0.15">
      <c r="B41" s="3"/>
      <c r="C41" s="32" t="s">
        <v>308</v>
      </c>
      <c r="D41" s="74" t="s">
        <v>307</v>
      </c>
      <c r="Z41" s="146"/>
      <c r="AA41" s="33"/>
      <c r="AB41" s="69" t="s">
        <v>0</v>
      </c>
      <c r="AC41" s="69" t="s">
        <v>188</v>
      </c>
      <c r="AD41" s="69" t="s">
        <v>0</v>
      </c>
      <c r="AE41" s="75"/>
    </row>
    <row r="42" spans="2:36" x14ac:dyDescent="0.15">
      <c r="B42" s="3"/>
      <c r="D42" s="74" t="s">
        <v>306</v>
      </c>
      <c r="Z42" s="82"/>
      <c r="AA42" s="81"/>
      <c r="AB42" s="69"/>
      <c r="AC42" s="69"/>
      <c r="AE42" s="75"/>
    </row>
    <row r="43" spans="2:36" x14ac:dyDescent="0.15">
      <c r="B43" s="3"/>
      <c r="Z43" s="2"/>
      <c r="AA43" s="81"/>
      <c r="AB43" s="69"/>
      <c r="AC43" s="69"/>
      <c r="AE43" s="75"/>
    </row>
    <row r="44" spans="2:36" x14ac:dyDescent="0.15">
      <c r="B44" s="3" t="s">
        <v>305</v>
      </c>
      <c r="Z44" s="82"/>
      <c r="AA44" s="81"/>
      <c r="AB44" s="69"/>
      <c r="AC44" s="69"/>
      <c r="AE44" s="75"/>
    </row>
    <row r="45" spans="2:36" ht="14.25" customHeight="1" x14ac:dyDescent="0.15">
      <c r="B45" s="3"/>
      <c r="C45" s="32" t="s">
        <v>103</v>
      </c>
      <c r="D45" s="74" t="s">
        <v>304</v>
      </c>
      <c r="Z45" s="146"/>
      <c r="AA45" s="33"/>
      <c r="AB45" s="69" t="s">
        <v>0</v>
      </c>
      <c r="AC45" s="69" t="s">
        <v>188</v>
      </c>
      <c r="AD45" s="69" t="s">
        <v>0</v>
      </c>
      <c r="AE45" s="75"/>
    </row>
    <row r="46" spans="2:36" x14ac:dyDescent="0.15">
      <c r="B46" s="3"/>
      <c r="D46" s="74" t="s">
        <v>303</v>
      </c>
      <c r="Z46" s="82"/>
      <c r="AA46" s="81"/>
      <c r="AB46" s="69"/>
      <c r="AC46" s="69"/>
      <c r="AE46" s="75"/>
    </row>
    <row r="47" spans="2:36" x14ac:dyDescent="0.15">
      <c r="B47" s="3"/>
      <c r="W47" s="67"/>
      <c r="Z47" s="75"/>
      <c r="AA47" s="81"/>
      <c r="AB47" s="69"/>
      <c r="AC47" s="69"/>
      <c r="AE47" s="75"/>
      <c r="AJ47" s="147"/>
    </row>
    <row r="48" spans="2:36" x14ac:dyDescent="0.15">
      <c r="B48" s="3"/>
      <c r="C48" s="32" t="s">
        <v>302</v>
      </c>
      <c r="D48" s="74" t="s">
        <v>301</v>
      </c>
      <c r="Z48" s="75"/>
      <c r="AA48" s="81"/>
      <c r="AB48" s="69"/>
      <c r="AC48" s="69"/>
      <c r="AE48" s="75"/>
      <c r="AJ48" s="147"/>
    </row>
    <row r="49" spans="2:36" ht="17.25" customHeight="1" x14ac:dyDescent="0.15">
      <c r="B49" s="3"/>
      <c r="D49" s="74" t="s">
        <v>300</v>
      </c>
      <c r="Z49" s="75"/>
      <c r="AA49" s="81"/>
      <c r="AB49" s="69"/>
      <c r="AC49" s="69"/>
      <c r="AE49" s="75"/>
      <c r="AJ49" s="147"/>
    </row>
    <row r="50" spans="2:36" ht="18.75" customHeight="1" x14ac:dyDescent="0.15">
      <c r="B50" s="3"/>
      <c r="Z50" s="75"/>
      <c r="AA50" s="81"/>
      <c r="AB50" s="69"/>
      <c r="AC50" s="69"/>
      <c r="AE50" s="75"/>
      <c r="AJ50" s="147"/>
    </row>
    <row r="51" spans="2:36" ht="13.5" customHeight="1" x14ac:dyDescent="0.15">
      <c r="B51" s="3"/>
      <c r="D51" s="103" t="s">
        <v>299</v>
      </c>
      <c r="E51" s="100"/>
      <c r="F51" s="100"/>
      <c r="G51" s="100"/>
      <c r="H51" s="100"/>
      <c r="I51" s="100"/>
      <c r="J51" s="100"/>
      <c r="K51" s="100"/>
      <c r="L51" s="100"/>
      <c r="M51" s="100"/>
      <c r="N51" s="100"/>
      <c r="O51" s="72"/>
      <c r="P51" s="72"/>
      <c r="Q51" s="72"/>
      <c r="R51" s="72"/>
      <c r="S51" s="100"/>
      <c r="T51" s="100"/>
      <c r="U51" s="215"/>
      <c r="V51" s="213"/>
      <c r="W51" s="213"/>
      <c r="X51" s="72" t="s">
        <v>27</v>
      </c>
      <c r="Y51" s="3"/>
      <c r="Z51" s="75"/>
      <c r="AA51" s="81"/>
      <c r="AB51" s="69"/>
      <c r="AC51" s="69"/>
      <c r="AE51" s="75"/>
      <c r="AJ51" s="147"/>
    </row>
    <row r="52" spans="2:36" x14ac:dyDescent="0.15">
      <c r="B52" s="3"/>
      <c r="D52" s="103" t="s">
        <v>298</v>
      </c>
      <c r="E52" s="100"/>
      <c r="F52" s="100"/>
      <c r="G52" s="100"/>
      <c r="H52" s="100"/>
      <c r="I52" s="100"/>
      <c r="J52" s="100"/>
      <c r="K52" s="100"/>
      <c r="L52" s="100"/>
      <c r="M52" s="100"/>
      <c r="N52" s="100"/>
      <c r="O52" s="72"/>
      <c r="P52" s="72"/>
      <c r="Q52" s="72"/>
      <c r="R52" s="72"/>
      <c r="S52" s="100"/>
      <c r="T52" s="100"/>
      <c r="U52" s="215"/>
      <c r="V52" s="213"/>
      <c r="W52" s="213"/>
      <c r="X52" s="72" t="s">
        <v>27</v>
      </c>
      <c r="Y52" s="3"/>
      <c r="Z52" s="75"/>
      <c r="AA52" s="81"/>
      <c r="AB52" s="69"/>
      <c r="AC52" s="69"/>
      <c r="AE52" s="75"/>
      <c r="AJ52" s="147"/>
    </row>
    <row r="53" spans="2:36" x14ac:dyDescent="0.15">
      <c r="B53" s="3"/>
      <c r="D53" s="103" t="s">
        <v>297</v>
      </c>
      <c r="E53" s="100"/>
      <c r="F53" s="100"/>
      <c r="G53" s="100"/>
      <c r="H53" s="100"/>
      <c r="I53" s="100"/>
      <c r="J53" s="100"/>
      <c r="K53" s="100"/>
      <c r="L53" s="100"/>
      <c r="M53" s="100"/>
      <c r="N53" s="100"/>
      <c r="O53" s="72"/>
      <c r="P53" s="72"/>
      <c r="Q53" s="72"/>
      <c r="R53" s="72"/>
      <c r="S53" s="100"/>
      <c r="T53" s="148" t="str">
        <f>(IFERROR(ROUNDDOWN(T52/T51*100,0),""))</f>
        <v/>
      </c>
      <c r="U53" s="267" t="str">
        <f>(IFERROR(ROUNDDOWN(U52/U51*100,0),""))</f>
        <v/>
      </c>
      <c r="V53" s="268"/>
      <c r="W53" s="268"/>
      <c r="X53" s="72" t="s">
        <v>296</v>
      </c>
      <c r="Y53" s="3"/>
      <c r="Z53" s="75"/>
      <c r="AA53" s="81"/>
      <c r="AB53" s="69"/>
      <c r="AC53" s="69"/>
      <c r="AE53" s="75"/>
      <c r="AJ53" s="147"/>
    </row>
    <row r="54" spans="2:36" x14ac:dyDescent="0.15">
      <c r="B54" s="3"/>
      <c r="D54" s="74" t="s">
        <v>295</v>
      </c>
      <c r="Z54" s="75"/>
      <c r="AA54" s="81"/>
      <c r="AB54" s="69"/>
      <c r="AC54" s="69"/>
      <c r="AE54" s="75"/>
      <c r="AJ54" s="147"/>
    </row>
    <row r="55" spans="2:36" x14ac:dyDescent="0.15">
      <c r="B55" s="3"/>
      <c r="W55" s="67"/>
      <c r="Z55" s="75"/>
      <c r="AA55" s="81"/>
      <c r="AB55" s="69"/>
      <c r="AC55" s="69"/>
      <c r="AE55" s="75"/>
      <c r="AJ55" s="147"/>
    </row>
    <row r="56" spans="2:36" x14ac:dyDescent="0.15">
      <c r="B56" s="3"/>
      <c r="C56" s="32" t="s">
        <v>101</v>
      </c>
      <c r="D56" s="74" t="s">
        <v>294</v>
      </c>
      <c r="Z56" s="146"/>
      <c r="AA56" s="33"/>
      <c r="AB56" s="69" t="s">
        <v>0</v>
      </c>
      <c r="AC56" s="69" t="s">
        <v>188</v>
      </c>
      <c r="AD56" s="69" t="s">
        <v>0</v>
      </c>
      <c r="AE56" s="75"/>
    </row>
    <row r="57" spans="2:36" x14ac:dyDescent="0.15">
      <c r="B57" s="3"/>
      <c r="D57" s="74" t="s">
        <v>293</v>
      </c>
      <c r="E57" s="4"/>
      <c r="F57" s="4"/>
      <c r="G57" s="4"/>
      <c r="H57" s="4"/>
      <c r="I57" s="4"/>
      <c r="J57" s="4"/>
      <c r="K57" s="4"/>
      <c r="L57" s="4"/>
      <c r="M57" s="4"/>
      <c r="N57" s="4"/>
      <c r="O57" s="147"/>
      <c r="P57" s="147"/>
      <c r="Q57" s="147"/>
      <c r="Z57" s="82"/>
      <c r="AA57" s="81"/>
      <c r="AB57" s="69"/>
      <c r="AC57" s="69"/>
      <c r="AE57" s="75"/>
    </row>
    <row r="58" spans="2:36" x14ac:dyDescent="0.15">
      <c r="B58" s="3"/>
      <c r="D58" s="69"/>
      <c r="E58" s="271"/>
      <c r="F58" s="271"/>
      <c r="G58" s="271"/>
      <c r="H58" s="271"/>
      <c r="I58" s="271"/>
      <c r="J58" s="271"/>
      <c r="K58" s="271"/>
      <c r="L58" s="271"/>
      <c r="M58" s="271"/>
      <c r="N58" s="271"/>
      <c r="Q58" s="69"/>
      <c r="S58" s="67"/>
      <c r="T58" s="67"/>
      <c r="U58" s="67"/>
      <c r="V58" s="67"/>
      <c r="Z58" s="2"/>
      <c r="AA58" s="81"/>
      <c r="AB58" s="69"/>
      <c r="AC58" s="69"/>
      <c r="AE58" s="75"/>
    </row>
    <row r="59" spans="2:36" x14ac:dyDescent="0.15">
      <c r="B59" s="3"/>
      <c r="C59" s="32" t="s">
        <v>102</v>
      </c>
      <c r="D59" s="74" t="s">
        <v>292</v>
      </c>
      <c r="Z59" s="146"/>
      <c r="AA59" s="33"/>
      <c r="AB59" s="69" t="s">
        <v>0</v>
      </c>
      <c r="AC59" s="69" t="s">
        <v>188</v>
      </c>
      <c r="AD59" s="69" t="s">
        <v>0</v>
      </c>
      <c r="AE59" s="75"/>
    </row>
    <row r="60" spans="2:36" x14ac:dyDescent="0.15">
      <c r="B60" s="96"/>
      <c r="C60" s="36"/>
      <c r="D60" s="97" t="s">
        <v>291</v>
      </c>
      <c r="E60" s="97"/>
      <c r="F60" s="97"/>
      <c r="G60" s="97"/>
      <c r="H60" s="97"/>
      <c r="I60" s="97"/>
      <c r="J60" s="97"/>
      <c r="K60" s="97"/>
      <c r="L60" s="97"/>
      <c r="M60" s="97"/>
      <c r="N60" s="97"/>
      <c r="O60" s="97"/>
      <c r="P60" s="97"/>
      <c r="Q60" s="97"/>
      <c r="R60" s="97"/>
      <c r="S60" s="97"/>
      <c r="T60" s="97"/>
      <c r="U60" s="97"/>
      <c r="V60" s="97"/>
      <c r="W60" s="97"/>
      <c r="X60" s="97"/>
      <c r="Y60" s="97"/>
      <c r="Z60" s="98"/>
      <c r="AA60" s="86"/>
      <c r="AB60" s="87"/>
      <c r="AC60" s="87"/>
      <c r="AD60" s="97"/>
      <c r="AE60" s="98"/>
    </row>
    <row r="61" spans="2:36" x14ac:dyDescent="0.15">
      <c r="B61" s="74" t="s">
        <v>290</v>
      </c>
    </row>
    <row r="62" spans="2:36" x14ac:dyDescent="0.15">
      <c r="C62" s="74" t="s">
        <v>289</v>
      </c>
    </row>
    <row r="63" spans="2:36" x14ac:dyDescent="0.15">
      <c r="B63" s="74" t="s">
        <v>288</v>
      </c>
    </row>
    <row r="64" spans="2:36" x14ac:dyDescent="0.15">
      <c r="C64" s="74" t="s">
        <v>287</v>
      </c>
    </row>
    <row r="65" spans="2:11" x14ac:dyDescent="0.15">
      <c r="C65" s="74" t="s">
        <v>286</v>
      </c>
    </row>
    <row r="66" spans="2:11" x14ac:dyDescent="0.15">
      <c r="C66" s="74" t="s">
        <v>285</v>
      </c>
      <c r="K66" s="74" t="s">
        <v>284</v>
      </c>
    </row>
    <row r="67" spans="2:11" x14ac:dyDescent="0.15">
      <c r="K67" s="74" t="s">
        <v>283</v>
      </c>
    </row>
    <row r="68" spans="2:11" x14ac:dyDescent="0.15">
      <c r="K68" s="74" t="s">
        <v>282</v>
      </c>
    </row>
    <row r="69" spans="2:11" x14ac:dyDescent="0.15">
      <c r="K69" s="74" t="s">
        <v>281</v>
      </c>
    </row>
    <row r="70" spans="2:11" x14ac:dyDescent="0.15">
      <c r="K70" s="74" t="s">
        <v>280</v>
      </c>
    </row>
    <row r="71" spans="2:11" x14ac:dyDescent="0.15">
      <c r="B71" s="74" t="s">
        <v>279</v>
      </c>
    </row>
    <row r="72" spans="2:11" x14ac:dyDescent="0.15">
      <c r="C72" s="74" t="s">
        <v>278</v>
      </c>
    </row>
    <row r="73" spans="2:11" x14ac:dyDescent="0.15">
      <c r="C73" s="74" t="s">
        <v>277</v>
      </c>
    </row>
    <row r="74" spans="2:11" x14ac:dyDescent="0.15">
      <c r="C74" s="74" t="s">
        <v>276</v>
      </c>
    </row>
    <row r="122" spans="1:7" x14ac:dyDescent="0.15">
      <c r="A122" s="97"/>
      <c r="C122" s="97"/>
      <c r="D122" s="97"/>
      <c r="E122" s="97"/>
      <c r="F122" s="97"/>
      <c r="G122" s="97"/>
    </row>
    <row r="123" spans="1:7" x14ac:dyDescent="0.15">
      <c r="C123" s="94"/>
    </row>
    <row r="151" spans="1:1" x14ac:dyDescent="0.15">
      <c r="A151" s="97"/>
    </row>
    <row r="187" spans="1:1" x14ac:dyDescent="0.15">
      <c r="A187" s="96"/>
    </row>
    <row r="238" spans="1:1" x14ac:dyDescent="0.15">
      <c r="A238" s="96"/>
    </row>
    <row r="287" spans="1:1" x14ac:dyDescent="0.15">
      <c r="A287" s="96"/>
    </row>
    <row r="314" spans="1:1" x14ac:dyDescent="0.15">
      <c r="A314" s="97"/>
    </row>
    <row r="364" spans="1:1" x14ac:dyDescent="0.15">
      <c r="A364" s="96"/>
    </row>
    <row r="388" spans="1:1" x14ac:dyDescent="0.15">
      <c r="A388" s="97"/>
    </row>
    <row r="416" spans="1:1" x14ac:dyDescent="0.15">
      <c r="A416" s="97"/>
    </row>
    <row r="444" spans="1:1" x14ac:dyDescent="0.15">
      <c r="A444" s="97"/>
    </row>
    <row r="468" spans="1:1" x14ac:dyDescent="0.15">
      <c r="A468" s="97"/>
    </row>
    <row r="497" spans="1:1" x14ac:dyDescent="0.15">
      <c r="A497" s="97"/>
    </row>
    <row r="526" spans="1:1" x14ac:dyDescent="0.15">
      <c r="A526" s="97"/>
    </row>
    <row r="575" spans="1:1" x14ac:dyDescent="0.15">
      <c r="A575" s="96"/>
    </row>
    <row r="606" spans="1:1" x14ac:dyDescent="0.15">
      <c r="A606" s="96"/>
    </row>
    <row r="650" spans="1:1" x14ac:dyDescent="0.15">
      <c r="A650" s="96"/>
    </row>
    <row r="686" spans="1:1" x14ac:dyDescent="0.15">
      <c r="A686" s="97"/>
    </row>
    <row r="725" spans="1:1" x14ac:dyDescent="0.15">
      <c r="A725" s="96"/>
    </row>
    <row r="754" spans="1:1" x14ac:dyDescent="0.15">
      <c r="A754" s="96"/>
    </row>
    <row r="793" spans="1:1" x14ac:dyDescent="0.15">
      <c r="A793" s="96"/>
    </row>
    <row r="832" spans="1:1" x14ac:dyDescent="0.15">
      <c r="A832" s="96"/>
    </row>
    <row r="860" spans="1:1" x14ac:dyDescent="0.15">
      <c r="A860" s="96"/>
    </row>
    <row r="900" spans="1:1" x14ac:dyDescent="0.15">
      <c r="A900" s="96"/>
    </row>
    <row r="940" spans="1:1" x14ac:dyDescent="0.15">
      <c r="A940" s="96"/>
    </row>
    <row r="969" spans="1:1" x14ac:dyDescent="0.15">
      <c r="A969" s="96"/>
    </row>
  </sheetData>
  <mergeCells count="31">
    <mergeCell ref="T40:V40"/>
    <mergeCell ref="U51:W51"/>
    <mergeCell ref="U52:W52"/>
    <mergeCell ref="U53:W53"/>
    <mergeCell ref="E58:N58"/>
    <mergeCell ref="J40:S40"/>
    <mergeCell ref="O37:S37"/>
    <mergeCell ref="O38:S38"/>
    <mergeCell ref="O39:S39"/>
    <mergeCell ref="D37:N37"/>
    <mergeCell ref="D38:N38"/>
    <mergeCell ref="D39:N39"/>
    <mergeCell ref="O34:S34"/>
    <mergeCell ref="O35:S35"/>
    <mergeCell ref="O36:S36"/>
    <mergeCell ref="D34:N34"/>
    <mergeCell ref="D35:N35"/>
    <mergeCell ref="D36:N36"/>
    <mergeCell ref="O32:S32"/>
    <mergeCell ref="D32:N32"/>
    <mergeCell ref="D33:N33"/>
    <mergeCell ref="O33:S33"/>
    <mergeCell ref="Y3:Z3"/>
    <mergeCell ref="B5:AE5"/>
    <mergeCell ref="B6:AD6"/>
    <mergeCell ref="F8:AE8"/>
    <mergeCell ref="B10:E11"/>
    <mergeCell ref="U19:W19"/>
    <mergeCell ref="U20:W20"/>
    <mergeCell ref="U21:W21"/>
    <mergeCell ref="U29:W29"/>
  </mergeCells>
  <phoneticPr fontId="3"/>
  <dataValidations count="1">
    <dataValidation type="list" allowBlank="1" showInputMessage="1" showErrorMessage="1" sqref="K9 Q9 AB16 AD16 AB25:AB26 AD25:AD26 AB41 AD41 AB45 AD45 AB56 AD56 AB59 AD59 R10:R12 F9:F12">
      <formula1>"□,■"</formula1>
    </dataValidation>
  </dataValidations>
  <pageMargins left="0.70866141732283472" right="0.70866141732283472" top="0.74803149606299213" bottom="0.74803149606299213" header="0.31496062992125984" footer="0.31496062992125984"/>
  <pageSetup paperSize="9" scale="70"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E123"/>
  <sheetViews>
    <sheetView zoomScaleNormal="100" zoomScaleSheetLayoutView="70" workbookViewId="0">
      <selection activeCell="AP26" sqref="AP26"/>
    </sheetView>
  </sheetViews>
  <sheetFormatPr defaultColWidth="3.5" defaultRowHeight="13.5" x14ac:dyDescent="0.15"/>
  <cols>
    <col min="1" max="1" width="1.25" style="7" customWidth="1"/>
    <col min="2" max="2" width="3.125" style="104" customWidth="1"/>
    <col min="3" max="26" width="3.125" style="7" customWidth="1"/>
    <col min="27" max="29" width="3.25" style="7" customWidth="1"/>
    <col min="30" max="30" width="3.125" style="7" customWidth="1"/>
    <col min="31" max="31" width="1.25" style="7" customWidth="1"/>
    <col min="32" max="16384" width="3.5" style="7"/>
  </cols>
  <sheetData>
    <row r="1" spans="2:30" s="74" customFormat="1" x14ac:dyDescent="0.15"/>
    <row r="2" spans="2:30" s="74" customFormat="1" x14ac:dyDescent="0.15">
      <c r="B2" s="74" t="s">
        <v>374</v>
      </c>
    </row>
    <row r="3" spans="2:30" s="74" customFormat="1" x14ac:dyDescent="0.15">
      <c r="U3" s="11" t="s">
        <v>10</v>
      </c>
      <c r="V3" s="208"/>
      <c r="W3" s="208"/>
      <c r="X3" s="11" t="s">
        <v>9</v>
      </c>
      <c r="Y3" s="208"/>
      <c r="Z3" s="208"/>
      <c r="AA3" s="11" t="s">
        <v>8</v>
      </c>
      <c r="AB3" s="208"/>
      <c r="AC3" s="208"/>
      <c r="AD3" s="11" t="s">
        <v>25</v>
      </c>
    </row>
    <row r="4" spans="2:30" s="74" customFormat="1" x14ac:dyDescent="0.15">
      <c r="AD4" s="11"/>
    </row>
    <row r="5" spans="2:30" s="74" customFormat="1" x14ac:dyDescent="0.15">
      <c r="B5" s="208" t="s">
        <v>375</v>
      </c>
      <c r="C5" s="208"/>
      <c r="D5" s="208"/>
      <c r="E5" s="208"/>
      <c r="F5" s="208"/>
      <c r="G5" s="208"/>
      <c r="H5" s="208"/>
      <c r="I5" s="208"/>
      <c r="J5" s="208"/>
      <c r="K5" s="208"/>
      <c r="L5" s="208"/>
      <c r="M5" s="208"/>
      <c r="N5" s="208"/>
      <c r="O5" s="208"/>
      <c r="P5" s="208"/>
      <c r="Q5" s="208"/>
      <c r="R5" s="208"/>
      <c r="S5" s="208"/>
      <c r="T5" s="208"/>
      <c r="U5" s="208"/>
      <c r="V5" s="208"/>
      <c r="W5" s="208"/>
      <c r="X5" s="208"/>
      <c r="Y5" s="208"/>
      <c r="Z5" s="208"/>
      <c r="AA5" s="208"/>
      <c r="AB5" s="208"/>
      <c r="AC5" s="208"/>
      <c r="AD5" s="208"/>
    </row>
    <row r="6" spans="2:30" s="74" customFormat="1" x14ac:dyDescent="0.15">
      <c r="B6" s="208" t="s">
        <v>376</v>
      </c>
      <c r="C6" s="208"/>
      <c r="D6" s="208"/>
      <c r="E6" s="208"/>
      <c r="F6" s="208"/>
      <c r="G6" s="208"/>
      <c r="H6" s="208"/>
      <c r="I6" s="208"/>
      <c r="J6" s="208"/>
      <c r="K6" s="208"/>
      <c r="L6" s="208"/>
      <c r="M6" s="208"/>
      <c r="N6" s="208"/>
      <c r="O6" s="208"/>
      <c r="P6" s="208"/>
      <c r="Q6" s="208"/>
      <c r="R6" s="208"/>
      <c r="S6" s="208"/>
      <c r="T6" s="208"/>
      <c r="U6" s="208"/>
      <c r="V6" s="208"/>
      <c r="W6" s="208"/>
      <c r="X6" s="208"/>
      <c r="Y6" s="208"/>
      <c r="Z6" s="208"/>
      <c r="AA6" s="208"/>
      <c r="AB6" s="208"/>
      <c r="AC6" s="208"/>
      <c r="AD6" s="208"/>
    </row>
    <row r="7" spans="2:30" s="74" customFormat="1" x14ac:dyDescent="0.15"/>
    <row r="8" spans="2:30" s="74" customFormat="1" ht="21" customHeight="1" x14ac:dyDescent="0.15">
      <c r="B8" s="312" t="s">
        <v>377</v>
      </c>
      <c r="C8" s="312"/>
      <c r="D8" s="312"/>
      <c r="E8" s="312"/>
      <c r="F8" s="216"/>
      <c r="G8" s="313"/>
      <c r="H8" s="314"/>
      <c r="I8" s="314"/>
      <c r="J8" s="314"/>
      <c r="K8" s="314"/>
      <c r="L8" s="314"/>
      <c r="M8" s="314"/>
      <c r="N8" s="314"/>
      <c r="O8" s="314"/>
      <c r="P8" s="314"/>
      <c r="Q8" s="314"/>
      <c r="R8" s="314"/>
      <c r="S8" s="314"/>
      <c r="T8" s="314"/>
      <c r="U8" s="314"/>
      <c r="V8" s="314"/>
      <c r="W8" s="314"/>
      <c r="X8" s="314"/>
      <c r="Y8" s="314"/>
      <c r="Z8" s="314"/>
      <c r="AA8" s="314"/>
      <c r="AB8" s="314"/>
      <c r="AC8" s="314"/>
      <c r="AD8" s="315"/>
    </row>
    <row r="9" spans="2:30" ht="21" customHeight="1" x14ac:dyDescent="0.15">
      <c r="B9" s="216" t="s">
        <v>378</v>
      </c>
      <c r="C9" s="217"/>
      <c r="D9" s="217"/>
      <c r="E9" s="217"/>
      <c r="F9" s="218"/>
      <c r="G9" s="166" t="s">
        <v>0</v>
      </c>
      <c r="H9" s="100" t="s">
        <v>379</v>
      </c>
      <c r="I9" s="100"/>
      <c r="J9" s="100"/>
      <c r="K9" s="100"/>
      <c r="L9" s="165" t="s">
        <v>0</v>
      </c>
      <c r="M9" s="100" t="s">
        <v>380</v>
      </c>
      <c r="N9" s="100"/>
      <c r="O9" s="100"/>
      <c r="P9" s="100"/>
      <c r="Q9" s="165" t="s">
        <v>0</v>
      </c>
      <c r="R9" s="100" t="s">
        <v>381</v>
      </c>
      <c r="S9" s="169"/>
      <c r="T9" s="169"/>
      <c r="U9" s="169"/>
      <c r="V9" s="169"/>
      <c r="W9" s="169"/>
      <c r="X9" s="169"/>
      <c r="Y9" s="169"/>
      <c r="Z9" s="169"/>
      <c r="AA9" s="169"/>
      <c r="AB9" s="169"/>
      <c r="AC9" s="169"/>
      <c r="AD9" s="170"/>
    </row>
    <row r="10" spans="2:30" ht="21" customHeight="1" x14ac:dyDescent="0.15">
      <c r="B10" s="273" t="s">
        <v>382</v>
      </c>
      <c r="C10" s="226"/>
      <c r="D10" s="226"/>
      <c r="E10" s="226"/>
      <c r="F10" s="227"/>
      <c r="G10" s="171" t="s">
        <v>0</v>
      </c>
      <c r="H10" s="94" t="s">
        <v>383</v>
      </c>
      <c r="I10" s="152"/>
      <c r="J10" s="152"/>
      <c r="K10" s="152"/>
      <c r="L10" s="152"/>
      <c r="M10" s="152"/>
      <c r="N10" s="152"/>
      <c r="O10" s="152"/>
      <c r="P10" s="152"/>
      <c r="Q10" s="152"/>
      <c r="R10" s="172" t="s">
        <v>0</v>
      </c>
      <c r="S10" s="94" t="s">
        <v>384</v>
      </c>
      <c r="T10" s="173"/>
      <c r="U10" s="173"/>
      <c r="V10" s="173"/>
      <c r="W10" s="173"/>
      <c r="X10" s="173"/>
      <c r="Y10" s="173"/>
      <c r="Z10" s="173"/>
      <c r="AA10" s="173"/>
      <c r="AB10" s="173"/>
      <c r="AC10" s="173"/>
      <c r="AD10" s="174"/>
    </row>
    <row r="11" spans="2:30" ht="21" customHeight="1" x14ac:dyDescent="0.15">
      <c r="B11" s="228"/>
      <c r="C11" s="229"/>
      <c r="D11" s="229"/>
      <c r="E11" s="229"/>
      <c r="F11" s="230"/>
      <c r="G11" s="175" t="s">
        <v>0</v>
      </c>
      <c r="H11" s="97" t="s">
        <v>385</v>
      </c>
      <c r="I11" s="140"/>
      <c r="J11" s="140"/>
      <c r="K11" s="140"/>
      <c r="L11" s="140"/>
      <c r="M11" s="140"/>
      <c r="N11" s="140"/>
      <c r="O11" s="140"/>
      <c r="P11" s="140"/>
      <c r="Q11" s="140"/>
      <c r="R11" s="140"/>
      <c r="S11" s="176"/>
      <c r="T11" s="176"/>
      <c r="U11" s="176"/>
      <c r="V11" s="176"/>
      <c r="W11" s="176"/>
      <c r="X11" s="176"/>
      <c r="Y11" s="176"/>
      <c r="Z11" s="176"/>
      <c r="AA11" s="176"/>
      <c r="AB11" s="176"/>
      <c r="AC11" s="176"/>
      <c r="AD11" s="177"/>
    </row>
    <row r="12" spans="2:30" ht="21" customHeight="1" x14ac:dyDescent="0.15">
      <c r="B12" s="273" t="s">
        <v>386</v>
      </c>
      <c r="C12" s="226"/>
      <c r="D12" s="226"/>
      <c r="E12" s="226"/>
      <c r="F12" s="227"/>
      <c r="G12" s="171" t="s">
        <v>0</v>
      </c>
      <c r="H12" s="94" t="s">
        <v>387</v>
      </c>
      <c r="I12" s="152"/>
      <c r="J12" s="152"/>
      <c r="K12" s="152"/>
      <c r="L12" s="152"/>
      <c r="M12" s="152"/>
      <c r="N12" s="152"/>
      <c r="O12" s="152"/>
      <c r="P12" s="152"/>
      <c r="Q12" s="152"/>
      <c r="R12" s="152"/>
      <c r="S12" s="172" t="s">
        <v>0</v>
      </c>
      <c r="T12" s="94" t="s">
        <v>388</v>
      </c>
      <c r="U12" s="173"/>
      <c r="V12" s="173"/>
      <c r="W12" s="173"/>
      <c r="X12" s="173"/>
      <c r="Y12" s="173"/>
      <c r="Z12" s="173"/>
      <c r="AA12" s="173"/>
      <c r="AB12" s="173"/>
      <c r="AC12" s="173"/>
      <c r="AD12" s="174"/>
    </row>
    <row r="13" spans="2:30" ht="21" customHeight="1" x14ac:dyDescent="0.15">
      <c r="B13" s="228"/>
      <c r="C13" s="229"/>
      <c r="D13" s="229"/>
      <c r="E13" s="229"/>
      <c r="F13" s="230"/>
      <c r="G13" s="175" t="s">
        <v>0</v>
      </c>
      <c r="H13" s="97" t="s">
        <v>389</v>
      </c>
      <c r="I13" s="140"/>
      <c r="J13" s="140"/>
      <c r="K13" s="140"/>
      <c r="L13" s="140"/>
      <c r="M13" s="140"/>
      <c r="N13" s="140"/>
      <c r="O13" s="140"/>
      <c r="P13" s="140"/>
      <c r="Q13" s="140"/>
      <c r="R13" s="140"/>
      <c r="S13" s="176"/>
      <c r="T13" s="176"/>
      <c r="U13" s="176"/>
      <c r="V13" s="176"/>
      <c r="W13" s="176"/>
      <c r="X13" s="176"/>
      <c r="Y13" s="176"/>
      <c r="Z13" s="176"/>
      <c r="AA13" s="176"/>
      <c r="AB13" s="176"/>
      <c r="AC13" s="176"/>
      <c r="AD13" s="177"/>
    </row>
    <row r="14" spans="2:30" s="74" customFormat="1" ht="6" customHeight="1" x14ac:dyDescent="0.15"/>
    <row r="15" spans="2:30" s="74" customFormat="1" x14ac:dyDescent="0.15">
      <c r="B15" s="225" t="s">
        <v>390</v>
      </c>
      <c r="C15" s="292"/>
      <c r="D15" s="292"/>
      <c r="E15" s="292"/>
      <c r="F15" s="293"/>
      <c r="G15" s="300"/>
      <c r="H15" s="301"/>
      <c r="I15" s="301"/>
      <c r="J15" s="301"/>
      <c r="K15" s="301"/>
      <c r="L15" s="301"/>
      <c r="M15" s="301"/>
      <c r="N15" s="301"/>
      <c r="O15" s="301"/>
      <c r="P15" s="301"/>
      <c r="Q15" s="301"/>
      <c r="R15" s="301"/>
      <c r="S15" s="301"/>
      <c r="T15" s="301"/>
      <c r="U15" s="301"/>
      <c r="V15" s="301"/>
      <c r="W15" s="301"/>
      <c r="X15" s="301"/>
      <c r="Y15" s="302"/>
      <c r="Z15" s="178"/>
      <c r="AA15" s="130" t="s">
        <v>20</v>
      </c>
      <c r="AB15" s="130" t="s">
        <v>195</v>
      </c>
      <c r="AC15" s="130" t="s">
        <v>21</v>
      </c>
      <c r="AD15" s="149"/>
    </row>
    <row r="16" spans="2:30" s="74" customFormat="1" ht="27" customHeight="1" x14ac:dyDescent="0.15">
      <c r="B16" s="294"/>
      <c r="C16" s="295"/>
      <c r="D16" s="295"/>
      <c r="E16" s="295"/>
      <c r="F16" s="296"/>
      <c r="G16" s="303" t="s">
        <v>391</v>
      </c>
      <c r="H16" s="304"/>
      <c r="I16" s="304"/>
      <c r="J16" s="304"/>
      <c r="K16" s="304"/>
      <c r="L16" s="304"/>
      <c r="M16" s="304"/>
      <c r="N16" s="304"/>
      <c r="O16" s="304"/>
      <c r="P16" s="304"/>
      <c r="Q16" s="304"/>
      <c r="R16" s="304"/>
      <c r="S16" s="304"/>
      <c r="T16" s="304"/>
      <c r="U16" s="304"/>
      <c r="V16" s="304"/>
      <c r="W16" s="304"/>
      <c r="X16" s="304"/>
      <c r="Y16" s="305"/>
      <c r="Z16" s="158"/>
      <c r="AA16" s="164" t="s">
        <v>0</v>
      </c>
      <c r="AB16" s="164" t="s">
        <v>192</v>
      </c>
      <c r="AC16" s="164" t="s">
        <v>0</v>
      </c>
      <c r="AD16" s="2"/>
    </row>
    <row r="17" spans="2:30" s="74" customFormat="1" ht="27" customHeight="1" x14ac:dyDescent="0.15">
      <c r="B17" s="294"/>
      <c r="C17" s="295"/>
      <c r="D17" s="295"/>
      <c r="E17" s="295"/>
      <c r="F17" s="296"/>
      <c r="G17" s="306" t="s">
        <v>392</v>
      </c>
      <c r="H17" s="307"/>
      <c r="I17" s="307"/>
      <c r="J17" s="307"/>
      <c r="K17" s="307"/>
      <c r="L17" s="307"/>
      <c r="M17" s="307"/>
      <c r="N17" s="307"/>
      <c r="O17" s="307"/>
      <c r="P17" s="307"/>
      <c r="Q17" s="307"/>
      <c r="R17" s="307"/>
      <c r="S17" s="307"/>
      <c r="T17" s="307"/>
      <c r="U17" s="307"/>
      <c r="V17" s="307"/>
      <c r="W17" s="307"/>
      <c r="X17" s="307"/>
      <c r="Y17" s="308"/>
      <c r="Z17" s="158"/>
      <c r="AA17" s="164" t="s">
        <v>0</v>
      </c>
      <c r="AB17" s="164" t="s">
        <v>192</v>
      </c>
      <c r="AC17" s="164" t="s">
        <v>0</v>
      </c>
      <c r="AD17" s="2"/>
    </row>
    <row r="18" spans="2:30" s="74" customFormat="1" ht="27" customHeight="1" x14ac:dyDescent="0.15">
      <c r="B18" s="297"/>
      <c r="C18" s="298"/>
      <c r="D18" s="298"/>
      <c r="E18" s="298"/>
      <c r="F18" s="299"/>
      <c r="G18" s="309" t="s">
        <v>393</v>
      </c>
      <c r="H18" s="310"/>
      <c r="I18" s="310"/>
      <c r="J18" s="310"/>
      <c r="K18" s="310"/>
      <c r="L18" s="310"/>
      <c r="M18" s="310"/>
      <c r="N18" s="310"/>
      <c r="O18" s="310"/>
      <c r="P18" s="310"/>
      <c r="Q18" s="310"/>
      <c r="R18" s="310"/>
      <c r="S18" s="310"/>
      <c r="T18" s="310"/>
      <c r="U18" s="310"/>
      <c r="V18" s="310"/>
      <c r="W18" s="310"/>
      <c r="X18" s="310"/>
      <c r="Y18" s="311"/>
      <c r="Z18" s="179"/>
      <c r="AA18" s="180" t="s">
        <v>0</v>
      </c>
      <c r="AB18" s="180" t="s">
        <v>192</v>
      </c>
      <c r="AC18" s="180" t="s">
        <v>0</v>
      </c>
      <c r="AD18" s="181"/>
    </row>
    <row r="19" spans="2:30" s="74" customFormat="1" ht="6" customHeight="1" x14ac:dyDescent="0.15">
      <c r="B19" s="67"/>
      <c r="C19" s="67"/>
      <c r="D19" s="67"/>
      <c r="E19" s="67"/>
      <c r="F19" s="67"/>
      <c r="G19" s="92"/>
      <c r="H19" s="92"/>
      <c r="I19" s="92"/>
      <c r="J19" s="92"/>
      <c r="K19" s="92"/>
      <c r="L19" s="92"/>
      <c r="M19" s="92"/>
      <c r="N19" s="92"/>
      <c r="O19" s="92"/>
      <c r="P19" s="92"/>
      <c r="Q19" s="92"/>
      <c r="R19" s="92"/>
      <c r="S19" s="92"/>
      <c r="T19" s="92"/>
      <c r="U19" s="92"/>
      <c r="V19" s="92"/>
      <c r="W19" s="92"/>
      <c r="X19" s="92"/>
      <c r="Y19" s="92"/>
      <c r="Z19" s="182"/>
      <c r="AA19" s="182"/>
      <c r="AB19" s="182"/>
      <c r="AC19" s="182"/>
      <c r="AD19" s="182"/>
    </row>
    <row r="20" spans="2:30" s="74" customFormat="1" x14ac:dyDescent="0.15">
      <c r="B20" s="74" t="s">
        <v>394</v>
      </c>
      <c r="C20" s="67"/>
      <c r="D20" s="67"/>
      <c r="E20" s="67"/>
      <c r="F20" s="67"/>
      <c r="G20" s="92"/>
      <c r="H20" s="92"/>
      <c r="I20" s="92"/>
      <c r="J20" s="92"/>
      <c r="K20" s="92"/>
      <c r="L20" s="92"/>
      <c r="M20" s="92"/>
      <c r="N20" s="92"/>
      <c r="O20" s="92"/>
      <c r="P20" s="92"/>
      <c r="Q20" s="92"/>
      <c r="R20" s="92"/>
      <c r="S20" s="92"/>
      <c r="T20" s="92"/>
      <c r="U20" s="92"/>
      <c r="V20" s="92"/>
      <c r="W20" s="92"/>
      <c r="X20" s="92"/>
      <c r="Y20" s="92"/>
      <c r="Z20" s="182"/>
      <c r="AA20" s="182"/>
      <c r="AB20" s="182"/>
      <c r="AC20" s="182"/>
      <c r="AD20" s="182"/>
    </row>
    <row r="21" spans="2:30" s="74" customFormat="1" x14ac:dyDescent="0.15">
      <c r="B21" s="74" t="s">
        <v>395</v>
      </c>
      <c r="AC21" s="4"/>
      <c r="AD21" s="4"/>
    </row>
    <row r="22" spans="2:30" s="74" customFormat="1" ht="3.75" customHeight="1" x14ac:dyDescent="0.15"/>
    <row r="23" spans="2:30" s="74" customFormat="1" ht="2.25" customHeight="1" x14ac:dyDescent="0.15">
      <c r="B23" s="253" t="s">
        <v>396</v>
      </c>
      <c r="C23" s="282"/>
      <c r="D23" s="282"/>
      <c r="E23" s="282"/>
      <c r="F23" s="283"/>
      <c r="G23" s="93"/>
      <c r="H23" s="94"/>
      <c r="I23" s="94"/>
      <c r="J23" s="94"/>
      <c r="K23" s="94"/>
      <c r="L23" s="94"/>
      <c r="M23" s="94"/>
      <c r="N23" s="94"/>
      <c r="O23" s="94"/>
      <c r="P23" s="94"/>
      <c r="Q23" s="94"/>
      <c r="R23" s="94"/>
      <c r="S23" s="94"/>
      <c r="T23" s="94"/>
      <c r="U23" s="94"/>
      <c r="V23" s="94"/>
      <c r="W23" s="94"/>
      <c r="X23" s="94"/>
      <c r="Y23" s="94"/>
      <c r="Z23" s="93"/>
      <c r="AA23" s="94"/>
      <c r="AB23" s="94"/>
      <c r="AC23" s="152"/>
      <c r="AD23" s="149"/>
    </row>
    <row r="24" spans="2:30" s="74" customFormat="1" ht="13.5" customHeight="1" x14ac:dyDescent="0.15">
      <c r="B24" s="254"/>
      <c r="C24" s="284"/>
      <c r="D24" s="284"/>
      <c r="E24" s="284"/>
      <c r="F24" s="285"/>
      <c r="G24" s="3"/>
      <c r="H24" s="74" t="s">
        <v>397</v>
      </c>
      <c r="Z24" s="3"/>
      <c r="AA24" s="28" t="s">
        <v>20</v>
      </c>
      <c r="AB24" s="28" t="s">
        <v>195</v>
      </c>
      <c r="AC24" s="28" t="s">
        <v>21</v>
      </c>
      <c r="AD24" s="183"/>
    </row>
    <row r="25" spans="2:30" s="74" customFormat="1" ht="15.75" customHeight="1" x14ac:dyDescent="0.15">
      <c r="B25" s="254"/>
      <c r="C25" s="284"/>
      <c r="D25" s="284"/>
      <c r="E25" s="284"/>
      <c r="F25" s="285"/>
      <c r="G25" s="3"/>
      <c r="I25" s="70" t="s">
        <v>398</v>
      </c>
      <c r="J25" s="184" t="s">
        <v>399</v>
      </c>
      <c r="K25" s="72"/>
      <c r="L25" s="72"/>
      <c r="M25" s="72"/>
      <c r="N25" s="72"/>
      <c r="O25" s="72"/>
      <c r="P25" s="72"/>
      <c r="Q25" s="72"/>
      <c r="R25" s="72"/>
      <c r="S25" s="72"/>
      <c r="T25" s="72"/>
      <c r="U25" s="215"/>
      <c r="V25" s="213"/>
      <c r="W25" s="73" t="s">
        <v>128</v>
      </c>
      <c r="Z25" s="185"/>
      <c r="AC25" s="4"/>
      <c r="AD25" s="2"/>
    </row>
    <row r="26" spans="2:30" s="74" customFormat="1" ht="15.75" customHeight="1" x14ac:dyDescent="0.15">
      <c r="B26" s="254"/>
      <c r="C26" s="284"/>
      <c r="D26" s="284"/>
      <c r="E26" s="284"/>
      <c r="F26" s="285"/>
      <c r="G26" s="3"/>
      <c r="I26" s="141" t="s">
        <v>400</v>
      </c>
      <c r="J26" s="184" t="s">
        <v>401</v>
      </c>
      <c r="K26" s="72"/>
      <c r="L26" s="72"/>
      <c r="M26" s="72"/>
      <c r="N26" s="72"/>
      <c r="O26" s="72"/>
      <c r="P26" s="72"/>
      <c r="Q26" s="72"/>
      <c r="R26" s="72"/>
      <c r="S26" s="72"/>
      <c r="T26" s="72"/>
      <c r="U26" s="215"/>
      <c r="V26" s="213"/>
      <c r="W26" s="73" t="s">
        <v>128</v>
      </c>
      <c r="Y26" s="186"/>
      <c r="Z26" s="158"/>
      <c r="AA26" s="164" t="s">
        <v>0</v>
      </c>
      <c r="AB26" s="164" t="s">
        <v>402</v>
      </c>
      <c r="AC26" s="164" t="s">
        <v>0</v>
      </c>
      <c r="AD26" s="2"/>
    </row>
    <row r="27" spans="2:30" s="74" customFormat="1" x14ac:dyDescent="0.15">
      <c r="B27" s="254"/>
      <c r="C27" s="284"/>
      <c r="D27" s="284"/>
      <c r="E27" s="284"/>
      <c r="F27" s="285"/>
      <c r="G27" s="3"/>
      <c r="H27" s="74" t="s">
        <v>403</v>
      </c>
      <c r="U27" s="69"/>
      <c r="V27" s="69"/>
      <c r="Z27" s="3"/>
      <c r="AC27" s="4"/>
      <c r="AD27" s="2"/>
    </row>
    <row r="28" spans="2:30" s="74" customFormat="1" x14ac:dyDescent="0.15">
      <c r="B28" s="254"/>
      <c r="C28" s="284"/>
      <c r="D28" s="284"/>
      <c r="E28" s="284"/>
      <c r="F28" s="285"/>
      <c r="G28" s="3"/>
      <c r="H28" s="74" t="s">
        <v>404</v>
      </c>
      <c r="T28" s="187"/>
      <c r="U28" s="186"/>
      <c r="V28" s="69"/>
      <c r="Z28" s="3"/>
      <c r="AC28" s="4"/>
      <c r="AD28" s="2"/>
    </row>
    <row r="29" spans="2:30" s="74" customFormat="1" ht="29.25" customHeight="1" x14ac:dyDescent="0.15">
      <c r="B29" s="254"/>
      <c r="C29" s="284"/>
      <c r="D29" s="284"/>
      <c r="E29" s="284"/>
      <c r="F29" s="285"/>
      <c r="G29" s="3"/>
      <c r="I29" s="70" t="s">
        <v>405</v>
      </c>
      <c r="J29" s="291" t="s">
        <v>406</v>
      </c>
      <c r="K29" s="291"/>
      <c r="L29" s="291"/>
      <c r="M29" s="291"/>
      <c r="N29" s="291"/>
      <c r="O29" s="291"/>
      <c r="P29" s="291"/>
      <c r="Q29" s="291"/>
      <c r="R29" s="291"/>
      <c r="S29" s="291"/>
      <c r="T29" s="291"/>
      <c r="U29" s="215"/>
      <c r="V29" s="213"/>
      <c r="W29" s="73" t="s">
        <v>128</v>
      </c>
      <c r="Y29" s="186"/>
      <c r="Z29" s="158"/>
      <c r="AA29" s="164" t="s">
        <v>0</v>
      </c>
      <c r="AB29" s="164" t="s">
        <v>402</v>
      </c>
      <c r="AC29" s="164" t="s">
        <v>0</v>
      </c>
      <c r="AD29" s="2"/>
    </row>
    <row r="30" spans="2:30" s="74" customFormat="1" ht="2.25" customHeight="1" x14ac:dyDescent="0.15">
      <c r="B30" s="255"/>
      <c r="C30" s="286"/>
      <c r="D30" s="286"/>
      <c r="E30" s="286"/>
      <c r="F30" s="287"/>
      <c r="G30" s="96"/>
      <c r="H30" s="97"/>
      <c r="I30" s="97"/>
      <c r="J30" s="97"/>
      <c r="K30" s="97"/>
      <c r="L30" s="97"/>
      <c r="M30" s="97"/>
      <c r="N30" s="97"/>
      <c r="O30" s="97"/>
      <c r="P30" s="97"/>
      <c r="Q30" s="97"/>
      <c r="R30" s="97"/>
      <c r="S30" s="97"/>
      <c r="T30" s="188"/>
      <c r="U30" s="189"/>
      <c r="V30" s="87"/>
      <c r="W30" s="97"/>
      <c r="X30" s="97"/>
      <c r="Y30" s="97"/>
      <c r="Z30" s="96"/>
      <c r="AA30" s="97"/>
      <c r="AB30" s="97"/>
      <c r="AC30" s="140"/>
      <c r="AD30" s="190"/>
    </row>
    <row r="31" spans="2:30" s="74" customFormat="1" ht="6" customHeight="1" x14ac:dyDescent="0.15">
      <c r="B31" s="137"/>
      <c r="C31" s="137"/>
      <c r="D31" s="137"/>
      <c r="E31" s="137"/>
      <c r="F31" s="137"/>
      <c r="T31" s="187"/>
      <c r="U31" s="186"/>
      <c r="V31" s="69"/>
    </row>
    <row r="32" spans="2:30" s="74" customFormat="1" x14ac:dyDescent="0.15">
      <c r="B32" s="74" t="s">
        <v>407</v>
      </c>
      <c r="C32" s="137"/>
      <c r="D32" s="137"/>
      <c r="E32" s="137"/>
      <c r="F32" s="137"/>
      <c r="T32" s="187"/>
      <c r="U32" s="186"/>
      <c r="V32" s="69"/>
    </row>
    <row r="33" spans="2:31" s="74" customFormat="1" ht="4.5" customHeight="1" x14ac:dyDescent="0.15">
      <c r="B33" s="137"/>
      <c r="C33" s="137"/>
      <c r="D33" s="137"/>
      <c r="E33" s="137"/>
      <c r="F33" s="137"/>
      <c r="T33" s="187"/>
      <c r="U33" s="186"/>
      <c r="V33" s="69"/>
    </row>
    <row r="34" spans="2:31" s="74" customFormat="1" ht="2.25" customHeight="1" x14ac:dyDescent="0.15">
      <c r="B34" s="253" t="s">
        <v>396</v>
      </c>
      <c r="C34" s="282"/>
      <c r="D34" s="282"/>
      <c r="E34" s="282"/>
      <c r="F34" s="283"/>
      <c r="G34" s="93"/>
      <c r="H34" s="94"/>
      <c r="I34" s="94"/>
      <c r="J34" s="94"/>
      <c r="K34" s="94"/>
      <c r="L34" s="94"/>
      <c r="M34" s="94"/>
      <c r="N34" s="94"/>
      <c r="O34" s="94"/>
      <c r="P34" s="94"/>
      <c r="Q34" s="94"/>
      <c r="R34" s="94"/>
      <c r="S34" s="94"/>
      <c r="T34" s="94"/>
      <c r="U34" s="80"/>
      <c r="V34" s="80"/>
      <c r="W34" s="94"/>
      <c r="X34" s="94"/>
      <c r="Y34" s="94"/>
      <c r="Z34" s="93"/>
      <c r="AA34" s="94"/>
      <c r="AB34" s="94"/>
      <c r="AC34" s="152"/>
      <c r="AD34" s="149"/>
    </row>
    <row r="35" spans="2:31" s="74" customFormat="1" ht="13.5" customHeight="1" x14ac:dyDescent="0.15">
      <c r="B35" s="254"/>
      <c r="C35" s="284"/>
      <c r="D35" s="284"/>
      <c r="E35" s="284"/>
      <c r="F35" s="285"/>
      <c r="G35" s="3"/>
      <c r="H35" s="74" t="s">
        <v>408</v>
      </c>
      <c r="U35" s="69"/>
      <c r="V35" s="69"/>
      <c r="Z35" s="3"/>
      <c r="AA35" s="28" t="s">
        <v>20</v>
      </c>
      <c r="AB35" s="28" t="s">
        <v>402</v>
      </c>
      <c r="AC35" s="28" t="s">
        <v>21</v>
      </c>
      <c r="AD35" s="183"/>
    </row>
    <row r="36" spans="2:31" s="74" customFormat="1" ht="15.75" customHeight="1" x14ac:dyDescent="0.15">
      <c r="B36" s="254"/>
      <c r="C36" s="284"/>
      <c r="D36" s="284"/>
      <c r="E36" s="284"/>
      <c r="F36" s="285"/>
      <c r="G36" s="3"/>
      <c r="I36" s="70" t="s">
        <v>409</v>
      </c>
      <c r="J36" s="191" t="s">
        <v>399</v>
      </c>
      <c r="K36" s="72"/>
      <c r="L36" s="72"/>
      <c r="M36" s="72"/>
      <c r="N36" s="72"/>
      <c r="O36" s="72"/>
      <c r="P36" s="72"/>
      <c r="Q36" s="72"/>
      <c r="R36" s="72"/>
      <c r="S36" s="72"/>
      <c r="T36" s="72"/>
      <c r="U36" s="215"/>
      <c r="V36" s="213"/>
      <c r="W36" s="73" t="s">
        <v>128</v>
      </c>
      <c r="Z36" s="185"/>
      <c r="AC36" s="4"/>
      <c r="AD36" s="2"/>
    </row>
    <row r="37" spans="2:31" s="74" customFormat="1" ht="15.75" customHeight="1" x14ac:dyDescent="0.15">
      <c r="B37" s="254"/>
      <c r="C37" s="284"/>
      <c r="D37" s="284"/>
      <c r="E37" s="284"/>
      <c r="F37" s="285"/>
      <c r="G37" s="3"/>
      <c r="I37" s="141" t="s">
        <v>400</v>
      </c>
      <c r="J37" s="192" t="s">
        <v>401</v>
      </c>
      <c r="K37" s="97"/>
      <c r="L37" s="97"/>
      <c r="M37" s="97"/>
      <c r="N37" s="97"/>
      <c r="O37" s="97"/>
      <c r="P37" s="97"/>
      <c r="Q37" s="97"/>
      <c r="R37" s="97"/>
      <c r="S37" s="97"/>
      <c r="T37" s="97"/>
      <c r="U37" s="215"/>
      <c r="V37" s="213"/>
      <c r="W37" s="73" t="s">
        <v>128</v>
      </c>
      <c r="Y37" s="186"/>
      <c r="Z37" s="158"/>
      <c r="AA37" s="164" t="s">
        <v>0</v>
      </c>
      <c r="AB37" s="164" t="s">
        <v>402</v>
      </c>
      <c r="AC37" s="164" t="s">
        <v>0</v>
      </c>
      <c r="AD37" s="2"/>
    </row>
    <row r="38" spans="2:31" s="74" customFormat="1" ht="13.5" customHeight="1" x14ac:dyDescent="0.15">
      <c r="B38" s="255"/>
      <c r="C38" s="286"/>
      <c r="D38" s="286"/>
      <c r="E38" s="286"/>
      <c r="F38" s="287"/>
      <c r="G38" s="3"/>
      <c r="H38" s="74" t="s">
        <v>403</v>
      </c>
      <c r="U38" s="69"/>
      <c r="V38" s="69"/>
      <c r="Z38" s="3"/>
      <c r="AC38" s="4"/>
      <c r="AD38" s="2"/>
    </row>
    <row r="39" spans="2:31" s="74" customFormat="1" ht="13.5" customHeight="1" x14ac:dyDescent="0.15">
      <c r="B39" s="254"/>
      <c r="C39" s="282"/>
      <c r="D39" s="284"/>
      <c r="E39" s="284"/>
      <c r="F39" s="285"/>
      <c r="G39" s="3"/>
      <c r="H39" s="74" t="s">
        <v>410</v>
      </c>
      <c r="T39" s="187"/>
      <c r="U39" s="186"/>
      <c r="V39" s="69"/>
      <c r="Z39" s="3"/>
      <c r="AC39" s="4"/>
      <c r="AD39" s="2"/>
      <c r="AE39" s="3"/>
    </row>
    <row r="40" spans="2:31" s="74" customFormat="1" ht="30" customHeight="1" x14ac:dyDescent="0.15">
      <c r="B40" s="254"/>
      <c r="C40" s="284"/>
      <c r="D40" s="284"/>
      <c r="E40" s="284"/>
      <c r="F40" s="285"/>
      <c r="G40" s="3"/>
      <c r="I40" s="70" t="s">
        <v>411</v>
      </c>
      <c r="J40" s="291" t="s">
        <v>412</v>
      </c>
      <c r="K40" s="291"/>
      <c r="L40" s="291"/>
      <c r="M40" s="291"/>
      <c r="N40" s="291"/>
      <c r="O40" s="291"/>
      <c r="P40" s="291"/>
      <c r="Q40" s="291"/>
      <c r="R40" s="291"/>
      <c r="S40" s="291"/>
      <c r="T40" s="291"/>
      <c r="U40" s="215"/>
      <c r="V40" s="213"/>
      <c r="W40" s="73" t="s">
        <v>128</v>
      </c>
      <c r="Y40" s="186"/>
      <c r="Z40" s="158"/>
      <c r="AA40" s="164" t="s">
        <v>0</v>
      </c>
      <c r="AB40" s="164" t="s">
        <v>188</v>
      </c>
      <c r="AC40" s="164" t="s">
        <v>0</v>
      </c>
      <c r="AD40" s="2"/>
    </row>
    <row r="41" spans="2:31" s="74" customFormat="1" ht="2.25" customHeight="1" x14ac:dyDescent="0.15">
      <c r="B41" s="255"/>
      <c r="C41" s="286"/>
      <c r="D41" s="286"/>
      <c r="E41" s="286"/>
      <c r="F41" s="287"/>
      <c r="G41" s="96"/>
      <c r="H41" s="97"/>
      <c r="I41" s="97"/>
      <c r="J41" s="97"/>
      <c r="K41" s="97"/>
      <c r="L41" s="97"/>
      <c r="M41" s="97"/>
      <c r="N41" s="97"/>
      <c r="O41" s="97"/>
      <c r="P41" s="97"/>
      <c r="Q41" s="97"/>
      <c r="R41" s="97"/>
      <c r="S41" s="97"/>
      <c r="T41" s="188"/>
      <c r="U41" s="189"/>
      <c r="V41" s="87"/>
      <c r="W41" s="97"/>
      <c r="X41" s="97"/>
      <c r="Y41" s="97"/>
      <c r="Z41" s="96"/>
      <c r="AA41" s="97"/>
      <c r="AB41" s="97"/>
      <c r="AC41" s="140"/>
      <c r="AD41" s="190"/>
    </row>
    <row r="42" spans="2:31" s="74" customFormat="1" ht="6" customHeight="1" x14ac:dyDescent="0.15">
      <c r="B42" s="137"/>
      <c r="C42" s="137"/>
      <c r="D42" s="137"/>
      <c r="E42" s="137"/>
      <c r="F42" s="137"/>
      <c r="T42" s="187"/>
      <c r="U42" s="186"/>
      <c r="V42" s="69"/>
    </row>
    <row r="43" spans="2:31" s="74" customFormat="1" ht="13.5" customHeight="1" x14ac:dyDescent="0.15">
      <c r="B43" s="74" t="s">
        <v>413</v>
      </c>
      <c r="C43" s="137"/>
      <c r="D43" s="137"/>
      <c r="E43" s="137"/>
      <c r="F43" s="137"/>
      <c r="T43" s="187"/>
      <c r="U43" s="186"/>
      <c r="V43" s="69"/>
    </row>
    <row r="44" spans="2:31" s="74" customFormat="1" ht="13.5" customHeight="1" x14ac:dyDescent="0.15">
      <c r="B44" s="35" t="s">
        <v>414</v>
      </c>
      <c r="D44" s="137"/>
      <c r="E44" s="137"/>
      <c r="F44" s="137"/>
      <c r="T44" s="187"/>
      <c r="U44" s="186"/>
      <c r="V44" s="69"/>
    </row>
    <row r="45" spans="2:31" s="74" customFormat="1" ht="3" customHeight="1" x14ac:dyDescent="0.15">
      <c r="C45" s="137"/>
      <c r="D45" s="137"/>
      <c r="E45" s="137"/>
      <c r="F45" s="137"/>
      <c r="T45" s="187"/>
      <c r="U45" s="186"/>
      <c r="V45" s="69"/>
    </row>
    <row r="46" spans="2:31" s="74" customFormat="1" ht="3" customHeight="1" x14ac:dyDescent="0.15">
      <c r="B46" s="253" t="s">
        <v>396</v>
      </c>
      <c r="C46" s="282"/>
      <c r="D46" s="282"/>
      <c r="E46" s="282"/>
      <c r="F46" s="283"/>
      <c r="G46" s="93"/>
      <c r="H46" s="94"/>
      <c r="I46" s="94"/>
      <c r="J46" s="94"/>
      <c r="K46" s="94"/>
      <c r="L46" s="94"/>
      <c r="M46" s="94"/>
      <c r="N46" s="94"/>
      <c r="O46" s="94"/>
      <c r="P46" s="94"/>
      <c r="Q46" s="94"/>
      <c r="R46" s="94"/>
      <c r="S46" s="94"/>
      <c r="T46" s="94"/>
      <c r="U46" s="80"/>
      <c r="V46" s="80"/>
      <c r="W46" s="94"/>
      <c r="X46" s="94"/>
      <c r="Y46" s="94"/>
      <c r="Z46" s="93"/>
      <c r="AA46" s="94"/>
      <c r="AB46" s="94"/>
      <c r="AC46" s="152"/>
      <c r="AD46" s="149"/>
    </row>
    <row r="47" spans="2:31" s="74" customFormat="1" ht="13.5" customHeight="1" x14ac:dyDescent="0.15">
      <c r="B47" s="254"/>
      <c r="C47" s="284"/>
      <c r="D47" s="284"/>
      <c r="E47" s="284"/>
      <c r="F47" s="285"/>
      <c r="G47" s="3"/>
      <c r="H47" s="74" t="s">
        <v>415</v>
      </c>
      <c r="U47" s="69"/>
      <c r="V47" s="69"/>
      <c r="Z47" s="3"/>
      <c r="AA47" s="28" t="s">
        <v>20</v>
      </c>
      <c r="AB47" s="28" t="s">
        <v>402</v>
      </c>
      <c r="AC47" s="28" t="s">
        <v>21</v>
      </c>
      <c r="AD47" s="183"/>
    </row>
    <row r="48" spans="2:31" s="74" customFormat="1" ht="15.75" customHeight="1" x14ac:dyDescent="0.15">
      <c r="B48" s="254"/>
      <c r="C48" s="284"/>
      <c r="D48" s="284"/>
      <c r="E48" s="284"/>
      <c r="F48" s="285"/>
      <c r="G48" s="3"/>
      <c r="I48" s="70" t="s">
        <v>409</v>
      </c>
      <c r="J48" s="191" t="s">
        <v>399</v>
      </c>
      <c r="K48" s="72"/>
      <c r="L48" s="72"/>
      <c r="M48" s="72"/>
      <c r="N48" s="72"/>
      <c r="O48" s="72"/>
      <c r="P48" s="72"/>
      <c r="Q48" s="72"/>
      <c r="R48" s="72"/>
      <c r="S48" s="72"/>
      <c r="T48" s="72"/>
      <c r="U48" s="215"/>
      <c r="V48" s="213"/>
      <c r="W48" s="73" t="s">
        <v>128</v>
      </c>
      <c r="Z48" s="185"/>
      <c r="AC48" s="4"/>
      <c r="AD48" s="2"/>
    </row>
    <row r="49" spans="2:30" s="74" customFormat="1" ht="15.75" customHeight="1" x14ac:dyDescent="0.15">
      <c r="B49" s="254"/>
      <c r="C49" s="284"/>
      <c r="D49" s="284"/>
      <c r="E49" s="284"/>
      <c r="F49" s="285"/>
      <c r="G49" s="3"/>
      <c r="I49" s="141" t="s">
        <v>150</v>
      </c>
      <c r="J49" s="192" t="s">
        <v>401</v>
      </c>
      <c r="K49" s="97"/>
      <c r="L49" s="97"/>
      <c r="M49" s="97"/>
      <c r="N49" s="97"/>
      <c r="O49" s="97"/>
      <c r="P49" s="97"/>
      <c r="Q49" s="97"/>
      <c r="R49" s="97"/>
      <c r="S49" s="97"/>
      <c r="T49" s="97"/>
      <c r="U49" s="215"/>
      <c r="V49" s="213"/>
      <c r="W49" s="73" t="s">
        <v>128</v>
      </c>
      <c r="Y49" s="186"/>
      <c r="Z49" s="158"/>
      <c r="AA49" s="164" t="s">
        <v>0</v>
      </c>
      <c r="AB49" s="164" t="s">
        <v>188</v>
      </c>
      <c r="AC49" s="164" t="s">
        <v>0</v>
      </c>
      <c r="AD49" s="2"/>
    </row>
    <row r="50" spans="2:30" s="74" customFormat="1" ht="13.5" customHeight="1" x14ac:dyDescent="0.15">
      <c r="B50" s="254"/>
      <c r="C50" s="284"/>
      <c r="D50" s="284"/>
      <c r="E50" s="284"/>
      <c r="F50" s="285"/>
      <c r="G50" s="3"/>
      <c r="H50" s="74" t="s">
        <v>403</v>
      </c>
      <c r="U50" s="69"/>
      <c r="V50" s="69"/>
      <c r="Z50" s="3"/>
      <c r="AC50" s="4"/>
      <c r="AD50" s="2"/>
    </row>
    <row r="51" spans="2:30" s="74" customFormat="1" ht="13.5" customHeight="1" x14ac:dyDescent="0.15">
      <c r="B51" s="254"/>
      <c r="C51" s="284"/>
      <c r="D51" s="284"/>
      <c r="E51" s="284"/>
      <c r="F51" s="285"/>
      <c r="G51" s="3"/>
      <c r="H51" s="74" t="s">
        <v>416</v>
      </c>
      <c r="T51" s="187"/>
      <c r="U51" s="186"/>
      <c r="V51" s="69"/>
      <c r="Z51" s="3"/>
      <c r="AC51" s="4"/>
      <c r="AD51" s="2"/>
    </row>
    <row r="52" spans="2:30" s="74" customFormat="1" ht="30" customHeight="1" x14ac:dyDescent="0.15">
      <c r="B52" s="254"/>
      <c r="C52" s="284"/>
      <c r="D52" s="284"/>
      <c r="E52" s="284"/>
      <c r="F52" s="285"/>
      <c r="G52" s="3"/>
      <c r="I52" s="70" t="s">
        <v>417</v>
      </c>
      <c r="J52" s="291" t="s">
        <v>412</v>
      </c>
      <c r="K52" s="291"/>
      <c r="L52" s="291"/>
      <c r="M52" s="291"/>
      <c r="N52" s="291"/>
      <c r="O52" s="291"/>
      <c r="P52" s="291"/>
      <c r="Q52" s="291"/>
      <c r="R52" s="291"/>
      <c r="S52" s="291"/>
      <c r="T52" s="291"/>
      <c r="U52" s="215"/>
      <c r="V52" s="213"/>
      <c r="W52" s="73" t="s">
        <v>128</v>
      </c>
      <c r="Y52" s="186"/>
      <c r="Z52" s="158"/>
      <c r="AA52" s="164" t="s">
        <v>0</v>
      </c>
      <c r="AB52" s="164" t="s">
        <v>188</v>
      </c>
      <c r="AC52" s="164" t="s">
        <v>0</v>
      </c>
      <c r="AD52" s="2"/>
    </row>
    <row r="53" spans="2:30" s="74" customFormat="1" ht="3" customHeight="1" x14ac:dyDescent="0.15">
      <c r="B53" s="255"/>
      <c r="C53" s="286"/>
      <c r="D53" s="286"/>
      <c r="E53" s="286"/>
      <c r="F53" s="287"/>
      <c r="G53" s="96"/>
      <c r="H53" s="97"/>
      <c r="I53" s="97"/>
      <c r="J53" s="97"/>
      <c r="K53" s="97"/>
      <c r="L53" s="97"/>
      <c r="M53" s="97"/>
      <c r="N53" s="97"/>
      <c r="O53" s="97"/>
      <c r="P53" s="97"/>
      <c r="Q53" s="97"/>
      <c r="R53" s="97"/>
      <c r="S53" s="97"/>
      <c r="T53" s="188"/>
      <c r="U53" s="189"/>
      <c r="V53" s="87"/>
      <c r="W53" s="97"/>
      <c r="X53" s="97"/>
      <c r="Y53" s="97"/>
      <c r="Z53" s="96"/>
      <c r="AA53" s="97"/>
      <c r="AB53" s="97"/>
      <c r="AC53" s="140"/>
      <c r="AD53" s="190"/>
    </row>
    <row r="54" spans="2:30" s="74" customFormat="1" ht="3" customHeight="1" x14ac:dyDescent="0.15">
      <c r="B54" s="253" t="s">
        <v>418</v>
      </c>
      <c r="C54" s="282"/>
      <c r="D54" s="282"/>
      <c r="E54" s="282"/>
      <c r="F54" s="283"/>
      <c r="G54" s="93"/>
      <c r="H54" s="94"/>
      <c r="I54" s="94"/>
      <c r="J54" s="94"/>
      <c r="K54" s="94"/>
      <c r="L54" s="94"/>
      <c r="M54" s="94"/>
      <c r="N54" s="94"/>
      <c r="O54" s="94"/>
      <c r="P54" s="94"/>
      <c r="Q54" s="94"/>
      <c r="R54" s="94"/>
      <c r="S54" s="94"/>
      <c r="T54" s="94"/>
      <c r="U54" s="80"/>
      <c r="V54" s="80"/>
      <c r="W54" s="94"/>
      <c r="X54" s="94"/>
      <c r="Y54" s="94"/>
      <c r="Z54" s="93"/>
      <c r="AA54" s="94"/>
      <c r="AB54" s="94"/>
      <c r="AC54" s="152"/>
      <c r="AD54" s="149"/>
    </row>
    <row r="55" spans="2:30" s="74" customFormat="1" x14ac:dyDescent="0.15">
      <c r="B55" s="254"/>
      <c r="C55" s="284"/>
      <c r="D55" s="284"/>
      <c r="E55" s="284"/>
      <c r="F55" s="285"/>
      <c r="G55" s="3"/>
      <c r="H55" s="74" t="s">
        <v>397</v>
      </c>
      <c r="U55" s="69"/>
      <c r="V55" s="69"/>
      <c r="Z55" s="3"/>
      <c r="AA55" s="28" t="s">
        <v>20</v>
      </c>
      <c r="AB55" s="28" t="s">
        <v>402</v>
      </c>
      <c r="AC55" s="28" t="s">
        <v>21</v>
      </c>
      <c r="AD55" s="183"/>
    </row>
    <row r="56" spans="2:30" s="74" customFormat="1" ht="15.75" customHeight="1" x14ac:dyDescent="0.15">
      <c r="B56" s="254"/>
      <c r="C56" s="284"/>
      <c r="D56" s="284"/>
      <c r="E56" s="284"/>
      <c r="F56" s="285"/>
      <c r="G56" s="3"/>
      <c r="I56" s="70" t="s">
        <v>409</v>
      </c>
      <c r="J56" s="288" t="s">
        <v>419</v>
      </c>
      <c r="K56" s="289"/>
      <c r="L56" s="289"/>
      <c r="M56" s="289"/>
      <c r="N56" s="289"/>
      <c r="O56" s="289"/>
      <c r="P56" s="289"/>
      <c r="Q56" s="289"/>
      <c r="R56" s="289"/>
      <c r="S56" s="289"/>
      <c r="T56" s="289"/>
      <c r="U56" s="215"/>
      <c r="V56" s="213"/>
      <c r="W56" s="73" t="s">
        <v>128</v>
      </c>
      <c r="Z56" s="3"/>
      <c r="AC56" s="4"/>
      <c r="AD56" s="2"/>
    </row>
    <row r="57" spans="2:30" s="74" customFormat="1" ht="15.75" customHeight="1" x14ac:dyDescent="0.15">
      <c r="B57" s="254"/>
      <c r="C57" s="284"/>
      <c r="D57" s="284"/>
      <c r="E57" s="284"/>
      <c r="F57" s="285"/>
      <c r="G57" s="3"/>
      <c r="I57" s="141" t="s">
        <v>150</v>
      </c>
      <c r="J57" s="290" t="s">
        <v>420</v>
      </c>
      <c r="K57" s="291"/>
      <c r="L57" s="291"/>
      <c r="M57" s="291"/>
      <c r="N57" s="291"/>
      <c r="O57" s="291"/>
      <c r="P57" s="291"/>
      <c r="Q57" s="291"/>
      <c r="R57" s="291"/>
      <c r="S57" s="291"/>
      <c r="T57" s="291"/>
      <c r="U57" s="210"/>
      <c r="V57" s="211"/>
      <c r="W57" s="98" t="s">
        <v>128</v>
      </c>
      <c r="Y57" s="186"/>
      <c r="Z57" s="158"/>
      <c r="AA57" s="164" t="s">
        <v>0</v>
      </c>
      <c r="AB57" s="164" t="s">
        <v>402</v>
      </c>
      <c r="AC57" s="164" t="s">
        <v>0</v>
      </c>
      <c r="AD57" s="2"/>
    </row>
    <row r="58" spans="2:30" s="74" customFormat="1" ht="3" customHeight="1" x14ac:dyDescent="0.15">
      <c r="B58" s="255"/>
      <c r="C58" s="286"/>
      <c r="D58" s="286"/>
      <c r="E58" s="286"/>
      <c r="F58" s="287"/>
      <c r="G58" s="96"/>
      <c r="H58" s="97"/>
      <c r="I58" s="97"/>
      <c r="J58" s="97"/>
      <c r="K58" s="97"/>
      <c r="L58" s="97"/>
      <c r="M58" s="97"/>
      <c r="N58" s="97"/>
      <c r="O58" s="97"/>
      <c r="P58" s="97"/>
      <c r="Q58" s="97"/>
      <c r="R58" s="97"/>
      <c r="S58" s="97"/>
      <c r="T58" s="188"/>
      <c r="U58" s="189"/>
      <c r="V58" s="87"/>
      <c r="W58" s="97"/>
      <c r="X58" s="97"/>
      <c r="Y58" s="97"/>
      <c r="Z58" s="96"/>
      <c r="AA58" s="97"/>
      <c r="AB58" s="97"/>
      <c r="AC58" s="140"/>
      <c r="AD58" s="190"/>
    </row>
    <row r="59" spans="2:30" s="74" customFormat="1" ht="3" customHeight="1" x14ac:dyDescent="0.15">
      <c r="B59" s="253" t="s">
        <v>421</v>
      </c>
      <c r="C59" s="282"/>
      <c r="D59" s="282"/>
      <c r="E59" s="282"/>
      <c r="F59" s="283"/>
      <c r="G59" s="93"/>
      <c r="H59" s="94"/>
      <c r="I59" s="94"/>
      <c r="J59" s="94"/>
      <c r="K59" s="94"/>
      <c r="L59" s="94"/>
      <c r="M59" s="94"/>
      <c r="N59" s="94"/>
      <c r="O59" s="94"/>
      <c r="P59" s="94"/>
      <c r="Q59" s="94"/>
      <c r="R59" s="94"/>
      <c r="S59" s="94"/>
      <c r="T59" s="94"/>
      <c r="U59" s="80"/>
      <c r="V59" s="80"/>
      <c r="W59" s="94"/>
      <c r="X59" s="94"/>
      <c r="Y59" s="94"/>
      <c r="Z59" s="93"/>
      <c r="AA59" s="94"/>
      <c r="AB59" s="94"/>
      <c r="AC59" s="152"/>
      <c r="AD59" s="149"/>
    </row>
    <row r="60" spans="2:30" s="74" customFormat="1" ht="13.5" customHeight="1" x14ac:dyDescent="0.15">
      <c r="B60" s="254"/>
      <c r="C60" s="284"/>
      <c r="D60" s="284"/>
      <c r="E60" s="284"/>
      <c r="F60" s="285"/>
      <c r="G60" s="3"/>
      <c r="H60" s="74" t="s">
        <v>415</v>
      </c>
      <c r="U60" s="69"/>
      <c r="V60" s="69"/>
      <c r="Z60" s="3"/>
      <c r="AA60" s="28" t="s">
        <v>20</v>
      </c>
      <c r="AB60" s="28" t="s">
        <v>422</v>
      </c>
      <c r="AC60" s="28" t="s">
        <v>21</v>
      </c>
      <c r="AD60" s="183"/>
    </row>
    <row r="61" spans="2:30" s="74" customFormat="1" ht="15.75" customHeight="1" x14ac:dyDescent="0.15">
      <c r="B61" s="254"/>
      <c r="C61" s="284"/>
      <c r="D61" s="284"/>
      <c r="E61" s="284"/>
      <c r="F61" s="285"/>
      <c r="G61" s="3"/>
      <c r="I61" s="70" t="s">
        <v>398</v>
      </c>
      <c r="J61" s="288" t="s">
        <v>419</v>
      </c>
      <c r="K61" s="289"/>
      <c r="L61" s="289"/>
      <c r="M61" s="289"/>
      <c r="N61" s="289"/>
      <c r="O61" s="289"/>
      <c r="P61" s="289"/>
      <c r="Q61" s="289"/>
      <c r="R61" s="289"/>
      <c r="S61" s="289"/>
      <c r="T61" s="289"/>
      <c r="U61" s="215"/>
      <c r="V61" s="213"/>
      <c r="W61" s="73" t="s">
        <v>128</v>
      </c>
      <c r="Z61" s="3"/>
      <c r="AC61" s="4"/>
      <c r="AD61" s="2"/>
    </row>
    <row r="62" spans="2:30" s="74" customFormat="1" ht="30" customHeight="1" x14ac:dyDescent="0.15">
      <c r="B62" s="254"/>
      <c r="C62" s="284"/>
      <c r="D62" s="284"/>
      <c r="E62" s="284"/>
      <c r="F62" s="285"/>
      <c r="G62" s="3"/>
      <c r="I62" s="141" t="s">
        <v>400</v>
      </c>
      <c r="J62" s="290" t="s">
        <v>423</v>
      </c>
      <c r="K62" s="291"/>
      <c r="L62" s="291"/>
      <c r="M62" s="291"/>
      <c r="N62" s="291"/>
      <c r="O62" s="291"/>
      <c r="P62" s="291"/>
      <c r="Q62" s="291"/>
      <c r="R62" s="291"/>
      <c r="S62" s="291"/>
      <c r="T62" s="291"/>
      <c r="U62" s="215"/>
      <c r="V62" s="213"/>
      <c r="W62" s="98" t="s">
        <v>128</v>
      </c>
      <c r="Y62" s="186" t="str">
        <f>IFERROR(U62/U61,"")</f>
        <v/>
      </c>
      <c r="Z62" s="158"/>
      <c r="AA62" s="164" t="s">
        <v>0</v>
      </c>
      <c r="AB62" s="164" t="s">
        <v>422</v>
      </c>
      <c r="AC62" s="164" t="s">
        <v>0</v>
      </c>
      <c r="AD62" s="2"/>
    </row>
    <row r="63" spans="2:30" s="74" customFormat="1" ht="3" customHeight="1" x14ac:dyDescent="0.15">
      <c r="B63" s="255"/>
      <c r="C63" s="286"/>
      <c r="D63" s="286"/>
      <c r="E63" s="286"/>
      <c r="F63" s="287"/>
      <c r="G63" s="96"/>
      <c r="H63" s="97"/>
      <c r="I63" s="97"/>
      <c r="J63" s="97"/>
      <c r="K63" s="97"/>
      <c r="L63" s="97"/>
      <c r="M63" s="97"/>
      <c r="N63" s="97"/>
      <c r="O63" s="97"/>
      <c r="P63" s="97"/>
      <c r="Q63" s="97"/>
      <c r="R63" s="97"/>
      <c r="S63" s="97"/>
      <c r="T63" s="188"/>
      <c r="U63" s="188"/>
      <c r="V63" s="97"/>
      <c r="W63" s="97"/>
      <c r="X63" s="97"/>
      <c r="Y63" s="97"/>
      <c r="Z63" s="96"/>
      <c r="AA63" s="97"/>
      <c r="AB63" s="97"/>
      <c r="AC63" s="140"/>
      <c r="AD63" s="190"/>
    </row>
    <row r="64" spans="2:30" s="74" customFormat="1" ht="6" customHeight="1" x14ac:dyDescent="0.15">
      <c r="B64" s="137"/>
      <c r="C64" s="137"/>
      <c r="D64" s="137"/>
      <c r="E64" s="137"/>
      <c r="F64" s="137"/>
      <c r="T64" s="187"/>
      <c r="U64" s="187"/>
    </row>
    <row r="65" spans="2:30" s="74" customFormat="1" x14ac:dyDescent="0.15">
      <c r="B65" s="280" t="s">
        <v>424</v>
      </c>
      <c r="C65" s="280"/>
      <c r="D65" s="193" t="s">
        <v>425</v>
      </c>
      <c r="E65" s="194"/>
      <c r="F65" s="194"/>
      <c r="G65" s="194"/>
      <c r="H65" s="194"/>
      <c r="I65" s="194"/>
      <c r="J65" s="194"/>
      <c r="K65" s="194"/>
      <c r="L65" s="194"/>
      <c r="M65" s="194"/>
      <c r="N65" s="194"/>
      <c r="O65" s="194"/>
      <c r="P65" s="194"/>
      <c r="Q65" s="194"/>
      <c r="R65" s="194"/>
      <c r="S65" s="194"/>
      <c r="T65" s="194"/>
      <c r="U65" s="194"/>
      <c r="V65" s="194"/>
      <c r="W65" s="194"/>
      <c r="X65" s="194"/>
      <c r="Y65" s="194"/>
      <c r="Z65" s="194"/>
      <c r="AA65" s="194"/>
      <c r="AB65" s="194"/>
      <c r="AC65" s="194"/>
      <c r="AD65" s="194"/>
    </row>
    <row r="66" spans="2:30" s="74" customFormat="1" ht="13.5" customHeight="1" x14ac:dyDescent="0.15">
      <c r="B66" s="280" t="s">
        <v>426</v>
      </c>
      <c r="C66" s="280"/>
      <c r="D66" s="195" t="s">
        <v>427</v>
      </c>
      <c r="E66" s="196"/>
      <c r="F66" s="196"/>
      <c r="G66" s="196"/>
      <c r="H66" s="196"/>
      <c r="I66" s="196"/>
      <c r="J66" s="196"/>
      <c r="K66" s="196"/>
      <c r="L66" s="196"/>
      <c r="M66" s="196"/>
      <c r="N66" s="196"/>
      <c r="O66" s="196"/>
      <c r="P66" s="196"/>
      <c r="Q66" s="196"/>
      <c r="R66" s="196"/>
      <c r="S66" s="196"/>
      <c r="T66" s="196"/>
      <c r="U66" s="196"/>
      <c r="V66" s="196"/>
      <c r="W66" s="196"/>
      <c r="X66" s="196"/>
      <c r="Y66" s="196"/>
      <c r="Z66" s="196"/>
      <c r="AA66" s="196"/>
      <c r="AB66" s="196"/>
      <c r="AC66" s="196"/>
      <c r="AD66" s="196"/>
    </row>
    <row r="67" spans="2:30" s="74" customFormat="1" ht="27" customHeight="1" x14ac:dyDescent="0.15">
      <c r="B67" s="280" t="s">
        <v>428</v>
      </c>
      <c r="C67" s="280"/>
      <c r="D67" s="281" t="s">
        <v>429</v>
      </c>
      <c r="E67" s="281"/>
      <c r="F67" s="281"/>
      <c r="G67" s="281"/>
      <c r="H67" s="281"/>
      <c r="I67" s="281"/>
      <c r="J67" s="281"/>
      <c r="K67" s="281"/>
      <c r="L67" s="281"/>
      <c r="M67" s="281"/>
      <c r="N67" s="281"/>
      <c r="O67" s="281"/>
      <c r="P67" s="281"/>
      <c r="Q67" s="281"/>
      <c r="R67" s="281"/>
      <c r="S67" s="281"/>
      <c r="T67" s="281"/>
      <c r="U67" s="281"/>
      <c r="V67" s="281"/>
      <c r="W67" s="281"/>
      <c r="X67" s="281"/>
      <c r="Y67" s="281"/>
      <c r="Z67" s="281"/>
      <c r="AA67" s="281"/>
      <c r="AB67" s="281"/>
      <c r="AC67" s="281"/>
      <c r="AD67" s="281"/>
    </row>
    <row r="68" spans="2:30" s="74" customFormat="1" x14ac:dyDescent="0.15">
      <c r="B68" s="197"/>
      <c r="C68" s="197"/>
      <c r="D68" s="197"/>
      <c r="E68" s="197"/>
      <c r="F68" s="197"/>
      <c r="G68" s="197"/>
      <c r="H68" s="197"/>
      <c r="I68" s="197"/>
      <c r="J68" s="197"/>
      <c r="K68" s="197"/>
      <c r="L68" s="197"/>
      <c r="M68" s="197"/>
      <c r="N68" s="197"/>
      <c r="O68" s="197"/>
      <c r="P68" s="197"/>
      <c r="Q68" s="197"/>
      <c r="R68" s="197"/>
      <c r="S68" s="197"/>
      <c r="T68" s="197"/>
      <c r="U68" s="197"/>
      <c r="V68" s="197"/>
      <c r="W68" s="197"/>
      <c r="X68" s="197"/>
      <c r="Y68" s="197"/>
      <c r="Z68" s="197"/>
      <c r="AA68" s="197"/>
      <c r="AB68" s="197"/>
      <c r="AC68" s="197"/>
      <c r="AD68" s="197"/>
    </row>
    <row r="69" spans="2:30" s="197" customFormat="1" x14ac:dyDescent="0.15"/>
    <row r="70" spans="2:30" x14ac:dyDescent="0.15">
      <c r="B70" s="197"/>
      <c r="C70" s="197"/>
      <c r="D70" s="197"/>
      <c r="E70" s="197"/>
      <c r="F70" s="197"/>
      <c r="G70" s="197"/>
      <c r="H70" s="197"/>
      <c r="I70" s="197"/>
      <c r="J70" s="197"/>
      <c r="K70" s="197"/>
      <c r="L70" s="197"/>
      <c r="M70" s="197"/>
      <c r="N70" s="197"/>
      <c r="O70" s="197"/>
      <c r="P70" s="197"/>
      <c r="Q70" s="197"/>
      <c r="R70" s="197"/>
      <c r="S70" s="197"/>
      <c r="T70" s="197"/>
      <c r="U70" s="197"/>
      <c r="V70" s="197"/>
      <c r="W70" s="197"/>
      <c r="X70" s="197"/>
      <c r="Y70" s="197"/>
      <c r="Z70" s="197"/>
      <c r="AA70" s="197"/>
      <c r="AB70" s="197"/>
      <c r="AC70" s="197"/>
      <c r="AD70" s="197"/>
    </row>
    <row r="71" spans="2:30" x14ac:dyDescent="0.15">
      <c r="B71" s="197"/>
      <c r="C71" s="197"/>
      <c r="D71" s="197"/>
      <c r="E71" s="197"/>
      <c r="F71" s="197"/>
      <c r="G71" s="197"/>
      <c r="H71" s="197"/>
      <c r="I71" s="197"/>
      <c r="J71" s="197"/>
      <c r="K71" s="197"/>
      <c r="L71" s="197"/>
      <c r="M71" s="197"/>
      <c r="N71" s="197"/>
      <c r="O71" s="197"/>
      <c r="P71" s="197"/>
      <c r="Q71" s="197"/>
      <c r="R71" s="197"/>
      <c r="S71" s="197"/>
      <c r="T71" s="197"/>
      <c r="U71" s="197"/>
      <c r="V71" s="197"/>
      <c r="W71" s="197"/>
      <c r="X71" s="197"/>
      <c r="Y71" s="197"/>
      <c r="Z71" s="197"/>
      <c r="AA71" s="197"/>
      <c r="AB71" s="197"/>
      <c r="AC71" s="197"/>
      <c r="AD71" s="197"/>
    </row>
    <row r="72" spans="2:30" s="197" customFormat="1" x14ac:dyDescent="0.15">
      <c r="B72" s="104"/>
      <c r="C72" s="7"/>
      <c r="D72" s="7"/>
      <c r="E72" s="7"/>
      <c r="F72" s="7"/>
      <c r="G72" s="7"/>
      <c r="H72" s="7"/>
      <c r="I72" s="7"/>
      <c r="J72" s="7"/>
      <c r="K72" s="7"/>
      <c r="L72" s="7"/>
      <c r="M72" s="7"/>
      <c r="N72" s="7"/>
      <c r="O72" s="7"/>
      <c r="P72" s="7"/>
      <c r="Q72" s="7"/>
      <c r="R72" s="7"/>
      <c r="S72" s="7"/>
      <c r="T72" s="7"/>
      <c r="U72" s="7"/>
      <c r="V72" s="7"/>
      <c r="W72" s="7"/>
      <c r="X72" s="7"/>
      <c r="Y72" s="7"/>
      <c r="Z72" s="7"/>
      <c r="AA72" s="7"/>
      <c r="AB72" s="7"/>
      <c r="AC72" s="7"/>
      <c r="AD72" s="7"/>
    </row>
    <row r="73" spans="2:30" s="197" customFormat="1" ht="13.5" customHeight="1" x14ac:dyDescent="0.15">
      <c r="B73" s="104"/>
      <c r="C73" s="7"/>
      <c r="D73" s="7"/>
      <c r="E73" s="7"/>
      <c r="F73" s="7"/>
      <c r="G73" s="7"/>
      <c r="H73" s="7"/>
      <c r="I73" s="7"/>
      <c r="J73" s="7"/>
      <c r="K73" s="7"/>
      <c r="L73" s="7"/>
      <c r="M73" s="7"/>
      <c r="N73" s="7"/>
      <c r="O73" s="7"/>
      <c r="P73" s="7"/>
      <c r="Q73" s="7"/>
      <c r="R73" s="7"/>
      <c r="S73" s="7"/>
      <c r="T73" s="7"/>
      <c r="U73" s="7"/>
      <c r="V73" s="7"/>
      <c r="W73" s="7"/>
      <c r="X73" s="7"/>
      <c r="Y73" s="7"/>
      <c r="Z73" s="7"/>
      <c r="AA73" s="7"/>
      <c r="AB73" s="7"/>
      <c r="AC73" s="7"/>
      <c r="AD73" s="7"/>
    </row>
    <row r="74" spans="2:30" s="197" customFormat="1" ht="13.5" customHeight="1" x14ac:dyDescent="0.15">
      <c r="B74" s="104"/>
      <c r="C74" s="7"/>
      <c r="D74" s="7"/>
      <c r="E74" s="7"/>
      <c r="F74" s="7"/>
      <c r="G74" s="7"/>
      <c r="H74" s="7"/>
      <c r="I74" s="7"/>
      <c r="J74" s="7"/>
      <c r="K74" s="7"/>
      <c r="L74" s="7"/>
      <c r="M74" s="7"/>
      <c r="N74" s="7"/>
      <c r="O74" s="7"/>
      <c r="P74" s="7"/>
      <c r="Q74" s="7"/>
      <c r="R74" s="7"/>
      <c r="S74" s="7"/>
      <c r="T74" s="7"/>
      <c r="U74" s="7"/>
      <c r="V74" s="7"/>
      <c r="W74" s="7"/>
      <c r="X74" s="7"/>
      <c r="Y74" s="7"/>
      <c r="Z74" s="7"/>
      <c r="AA74" s="7"/>
      <c r="AB74" s="7"/>
      <c r="AC74" s="7"/>
      <c r="AD74" s="7"/>
    </row>
    <row r="75" spans="2:30" s="197" customFormat="1" x14ac:dyDescent="0.15">
      <c r="B75" s="104"/>
      <c r="C75" s="7"/>
      <c r="D75" s="7"/>
      <c r="E75" s="7"/>
      <c r="F75" s="7"/>
      <c r="G75" s="7"/>
      <c r="H75" s="7"/>
      <c r="I75" s="7"/>
      <c r="J75" s="7"/>
      <c r="K75" s="7"/>
      <c r="L75" s="7"/>
      <c r="M75" s="7"/>
      <c r="N75" s="7"/>
      <c r="O75" s="7"/>
      <c r="P75" s="7"/>
      <c r="Q75" s="7"/>
      <c r="R75" s="7"/>
      <c r="S75" s="7"/>
      <c r="T75" s="7"/>
      <c r="U75" s="7"/>
      <c r="V75" s="7"/>
      <c r="W75" s="7"/>
      <c r="X75" s="7"/>
      <c r="Y75" s="7"/>
      <c r="Z75" s="7"/>
      <c r="AA75" s="7"/>
      <c r="AB75" s="7"/>
      <c r="AC75" s="7"/>
      <c r="AD75" s="7"/>
    </row>
    <row r="76" spans="2:30" s="197" customFormat="1" x14ac:dyDescent="0.15">
      <c r="B76" s="104"/>
      <c r="C76" s="7"/>
      <c r="D76" s="7"/>
      <c r="E76" s="7"/>
      <c r="F76" s="7"/>
      <c r="G76" s="7"/>
      <c r="H76" s="7"/>
      <c r="I76" s="7"/>
      <c r="J76" s="7"/>
      <c r="K76" s="7"/>
      <c r="L76" s="7"/>
      <c r="M76" s="7"/>
      <c r="N76" s="7"/>
      <c r="O76" s="7"/>
      <c r="P76" s="7"/>
      <c r="Q76" s="7"/>
      <c r="R76" s="7"/>
      <c r="S76" s="7"/>
      <c r="T76" s="7"/>
      <c r="U76" s="7"/>
      <c r="V76" s="7"/>
      <c r="W76" s="7"/>
      <c r="X76" s="7"/>
      <c r="Y76" s="7"/>
      <c r="Z76" s="7"/>
      <c r="AA76" s="7"/>
      <c r="AB76" s="7"/>
      <c r="AC76" s="7"/>
      <c r="AD76" s="7"/>
    </row>
    <row r="77" spans="2:30" s="197" customFormat="1" x14ac:dyDescent="0.15">
      <c r="B77" s="104"/>
      <c r="C77" s="7"/>
      <c r="D77" s="7"/>
      <c r="E77" s="7"/>
      <c r="F77" s="7"/>
      <c r="G77" s="7"/>
      <c r="H77" s="7"/>
      <c r="I77" s="7"/>
      <c r="J77" s="7"/>
      <c r="K77" s="7"/>
      <c r="L77" s="7"/>
      <c r="M77" s="7"/>
      <c r="N77" s="7"/>
      <c r="O77" s="7"/>
      <c r="P77" s="7"/>
      <c r="Q77" s="7"/>
      <c r="R77" s="7"/>
      <c r="S77" s="7"/>
      <c r="T77" s="7"/>
      <c r="U77" s="7"/>
      <c r="V77" s="7"/>
      <c r="W77" s="7"/>
      <c r="X77" s="7"/>
      <c r="Y77" s="7"/>
      <c r="Z77" s="7"/>
      <c r="AA77" s="7"/>
      <c r="AB77" s="7"/>
      <c r="AC77" s="7"/>
      <c r="AD77" s="7"/>
    </row>
    <row r="122" spans="3:7" x14ac:dyDescent="0.15">
      <c r="C122" s="8"/>
      <c r="D122" s="8"/>
      <c r="E122" s="8"/>
      <c r="F122" s="8"/>
      <c r="G122" s="8"/>
    </row>
    <row r="123" spans="3:7" x14ac:dyDescent="0.15">
      <c r="C123" s="64"/>
    </row>
  </sheetData>
  <mergeCells count="44">
    <mergeCell ref="B8:F8"/>
    <mergeCell ref="G8:AD8"/>
    <mergeCell ref="V3:W3"/>
    <mergeCell ref="Y3:Z3"/>
    <mergeCell ref="AB3:AC3"/>
    <mergeCell ref="B5:AD5"/>
    <mergeCell ref="B6:AD6"/>
    <mergeCell ref="B9:F9"/>
    <mergeCell ref="B10:F11"/>
    <mergeCell ref="B12:F13"/>
    <mergeCell ref="B15:F18"/>
    <mergeCell ref="G15:Y15"/>
    <mergeCell ref="G16:Y16"/>
    <mergeCell ref="G17:Y17"/>
    <mergeCell ref="G18:Y18"/>
    <mergeCell ref="B34:F41"/>
    <mergeCell ref="U36:V36"/>
    <mergeCell ref="U37:V37"/>
    <mergeCell ref="J40:T40"/>
    <mergeCell ref="U40:V40"/>
    <mergeCell ref="B23:F30"/>
    <mergeCell ref="U25:V25"/>
    <mergeCell ref="U26:V26"/>
    <mergeCell ref="J29:T29"/>
    <mergeCell ref="U29:V29"/>
    <mergeCell ref="B54:F58"/>
    <mergeCell ref="J56:T56"/>
    <mergeCell ref="U56:V56"/>
    <mergeCell ref="J57:T57"/>
    <mergeCell ref="U57:V57"/>
    <mergeCell ref="B46:F53"/>
    <mergeCell ref="U48:V48"/>
    <mergeCell ref="U49:V49"/>
    <mergeCell ref="J52:T52"/>
    <mergeCell ref="U52:V52"/>
    <mergeCell ref="B66:C66"/>
    <mergeCell ref="B67:C67"/>
    <mergeCell ref="D67:AD67"/>
    <mergeCell ref="B59:F63"/>
    <mergeCell ref="J61:T61"/>
    <mergeCell ref="U61:V61"/>
    <mergeCell ref="J62:T62"/>
    <mergeCell ref="U62:V62"/>
    <mergeCell ref="B65:C65"/>
  </mergeCells>
  <phoneticPr fontId="3"/>
  <dataValidations count="1">
    <dataValidation type="list" allowBlank="1" showInputMessage="1" showErrorMessage="1" sqref="G9:G13 L9 Q9 S12 R10 AA16:AA18 AC16:AC18 AA26 AC26 AA29 AC29 AA37 AC37 AA40 AC40 AA49 AC49 AA52 AC52 AA57 AC57 AA62 AC62">
      <formula1>"□,■"</formula1>
    </dataValidation>
  </dataValidations>
  <pageMargins left="0.7" right="0.7" top="0.75" bottom="0.75" header="0.3" footer="0.3"/>
  <pageSetup paperSize="9" scale="87" orientation="portrait" r:id="rId1"/>
  <rowBreaks count="1" manualBreakCount="1">
    <brk id="68" max="16383"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F123"/>
  <sheetViews>
    <sheetView topLeftCell="A13" zoomScaleNormal="100" zoomScaleSheetLayoutView="85" workbookViewId="0">
      <selection activeCell="B4" sqref="B4:Y4"/>
    </sheetView>
  </sheetViews>
  <sheetFormatPr defaultColWidth="4" defaultRowHeight="13.5" x14ac:dyDescent="0.15"/>
  <cols>
    <col min="1" max="1" width="1.5" style="74" customWidth="1"/>
    <col min="2" max="2" width="2.375" style="74" customWidth="1"/>
    <col min="3" max="3" width="1.125" style="74" customWidth="1"/>
    <col min="4" max="19" width="4" style="74"/>
    <col min="20" max="20" width="7.125" style="74" customWidth="1"/>
    <col min="21" max="21" width="3.875" style="74" customWidth="1"/>
    <col min="22" max="22" width="4" style="74"/>
    <col min="23" max="23" width="2.25" style="74" customWidth="1"/>
    <col min="24" max="24" width="4.625" style="74" customWidth="1"/>
    <col min="25" max="25" width="2.375" style="74" customWidth="1"/>
    <col min="26" max="26" width="1.5" style="74" customWidth="1"/>
    <col min="27" max="16384" width="4" style="74"/>
  </cols>
  <sheetData>
    <row r="2" spans="2:25" x14ac:dyDescent="0.15">
      <c r="B2" s="74" t="s">
        <v>209</v>
      </c>
      <c r="C2"/>
      <c r="D2"/>
      <c r="E2"/>
      <c r="F2"/>
      <c r="G2"/>
      <c r="H2"/>
      <c r="I2"/>
      <c r="J2"/>
      <c r="K2"/>
      <c r="L2"/>
      <c r="M2"/>
      <c r="N2"/>
      <c r="O2"/>
      <c r="P2"/>
      <c r="Q2"/>
      <c r="R2"/>
      <c r="S2"/>
      <c r="T2"/>
      <c r="U2"/>
      <c r="V2"/>
      <c r="W2"/>
      <c r="X2"/>
      <c r="Y2"/>
    </row>
    <row r="4" spans="2:25" x14ac:dyDescent="0.15">
      <c r="B4" s="231" t="s">
        <v>266</v>
      </c>
      <c r="C4" s="231"/>
      <c r="D4" s="231"/>
      <c r="E4" s="231"/>
      <c r="F4" s="231"/>
      <c r="G4" s="231"/>
      <c r="H4" s="231"/>
      <c r="I4" s="231"/>
      <c r="J4" s="231"/>
      <c r="K4" s="231"/>
      <c r="L4" s="231"/>
      <c r="M4" s="231"/>
      <c r="N4" s="231"/>
      <c r="O4" s="231"/>
      <c r="P4" s="231"/>
      <c r="Q4" s="231"/>
      <c r="R4" s="231"/>
      <c r="S4" s="231"/>
      <c r="T4" s="231"/>
      <c r="U4" s="231"/>
      <c r="V4" s="231"/>
      <c r="W4" s="231"/>
      <c r="X4" s="231"/>
      <c r="Y4" s="231"/>
    </row>
    <row r="6" spans="2:25" ht="23.25" customHeight="1" x14ac:dyDescent="0.15">
      <c r="B6" s="203" t="s">
        <v>15</v>
      </c>
      <c r="C6" s="203"/>
      <c r="D6" s="203"/>
      <c r="E6" s="203"/>
      <c r="F6" s="203"/>
      <c r="G6" s="216"/>
      <c r="H6" s="217"/>
      <c r="I6" s="217"/>
      <c r="J6" s="217"/>
      <c r="K6" s="217"/>
      <c r="L6" s="217"/>
      <c r="M6" s="217"/>
      <c r="N6" s="217"/>
      <c r="O6" s="217"/>
      <c r="P6" s="217"/>
      <c r="Q6" s="217"/>
      <c r="R6" s="217"/>
      <c r="S6" s="217"/>
      <c r="T6" s="217"/>
      <c r="U6" s="217"/>
      <c r="V6" s="217"/>
      <c r="W6" s="217"/>
      <c r="X6" s="217"/>
      <c r="Y6" s="218"/>
    </row>
    <row r="7" spans="2:25" ht="23.25" customHeight="1" x14ac:dyDescent="0.15">
      <c r="B7" s="203" t="s">
        <v>265</v>
      </c>
      <c r="C7" s="203"/>
      <c r="D7" s="203"/>
      <c r="E7" s="203"/>
      <c r="F7" s="203"/>
      <c r="G7" s="76" t="s">
        <v>0</v>
      </c>
      <c r="H7" s="100" t="s">
        <v>264</v>
      </c>
      <c r="I7" s="100"/>
      <c r="J7" s="100"/>
      <c r="K7" s="100"/>
      <c r="L7" s="69" t="s">
        <v>0</v>
      </c>
      <c r="M7" s="100" t="s">
        <v>205</v>
      </c>
      <c r="N7" s="100"/>
      <c r="O7" s="100"/>
      <c r="P7" s="100"/>
      <c r="Q7" s="69" t="s">
        <v>0</v>
      </c>
      <c r="R7" s="100" t="s">
        <v>204</v>
      </c>
      <c r="S7" s="100"/>
      <c r="T7" s="100"/>
      <c r="U7" s="100"/>
      <c r="V7" s="100"/>
      <c r="W7" s="72"/>
      <c r="X7" s="72"/>
      <c r="Y7" s="73"/>
    </row>
    <row r="8" spans="2:25" ht="20.100000000000001" customHeight="1" x14ac:dyDescent="0.15">
      <c r="B8" s="204" t="s">
        <v>263</v>
      </c>
      <c r="C8" s="205"/>
      <c r="D8" s="205"/>
      <c r="E8" s="205"/>
      <c r="F8" s="206"/>
      <c r="G8" s="69" t="s">
        <v>0</v>
      </c>
      <c r="H8" s="94" t="s">
        <v>202</v>
      </c>
      <c r="I8" s="84"/>
      <c r="J8" s="84"/>
      <c r="K8" s="84"/>
      <c r="L8" s="84"/>
      <c r="M8" s="84"/>
      <c r="N8" s="84"/>
      <c r="O8" s="84"/>
      <c r="P8" s="84"/>
      <c r="Q8" s="84"/>
      <c r="R8" s="84"/>
      <c r="S8" s="84"/>
      <c r="T8" s="84"/>
      <c r="U8" s="84"/>
      <c r="V8" s="84"/>
      <c r="W8" s="84"/>
      <c r="X8" s="84"/>
      <c r="Y8" s="85"/>
    </row>
    <row r="9" spans="2:25" ht="20.100000000000001" customHeight="1" x14ac:dyDescent="0.15">
      <c r="B9" s="207"/>
      <c r="C9" s="208"/>
      <c r="D9" s="208"/>
      <c r="E9" s="208"/>
      <c r="F9" s="209"/>
      <c r="G9" s="69" t="s">
        <v>0</v>
      </c>
      <c r="H9" s="74" t="s">
        <v>201</v>
      </c>
      <c r="I9" s="67"/>
      <c r="J9" s="67"/>
      <c r="K9" s="67"/>
      <c r="L9" s="67"/>
      <c r="M9" s="67"/>
      <c r="N9" s="67"/>
      <c r="O9" s="67"/>
      <c r="P9" s="67"/>
      <c r="Q9" s="67"/>
      <c r="R9" s="67"/>
      <c r="S9" s="67"/>
      <c r="T9" s="67"/>
      <c r="U9" s="67"/>
      <c r="V9" s="67"/>
      <c r="W9" s="67"/>
      <c r="X9" s="67"/>
      <c r="Y9" s="68"/>
    </row>
    <row r="10" spans="2:25" ht="20.100000000000001" customHeight="1" x14ac:dyDescent="0.15">
      <c r="B10" s="207"/>
      <c r="C10" s="208"/>
      <c r="D10" s="208"/>
      <c r="E10" s="208"/>
      <c r="F10" s="209"/>
      <c r="G10" s="69" t="s">
        <v>0</v>
      </c>
      <c r="H10" s="74" t="s">
        <v>262</v>
      </c>
      <c r="I10" s="67"/>
      <c r="J10" s="67"/>
      <c r="K10" s="67"/>
      <c r="L10" s="67"/>
      <c r="M10" s="67"/>
      <c r="N10" s="67"/>
      <c r="O10" s="67"/>
      <c r="P10" s="67"/>
      <c r="Q10" s="67"/>
      <c r="R10" s="67"/>
      <c r="S10" s="67"/>
      <c r="T10" s="67"/>
      <c r="U10" s="67"/>
      <c r="V10" s="67"/>
      <c r="W10" s="67"/>
      <c r="X10" s="67"/>
      <c r="Y10" s="68"/>
    </row>
    <row r="11" spans="2:25" ht="20.100000000000001" customHeight="1" x14ac:dyDescent="0.15">
      <c r="B11" s="210"/>
      <c r="C11" s="211"/>
      <c r="D11" s="211"/>
      <c r="E11" s="211"/>
      <c r="F11" s="212"/>
      <c r="G11" s="86" t="s">
        <v>0</v>
      </c>
      <c r="H11" s="97" t="s">
        <v>261</v>
      </c>
      <c r="I11" s="88"/>
      <c r="J11" s="88"/>
      <c r="K11" s="88"/>
      <c r="L11" s="88"/>
      <c r="M11" s="88"/>
      <c r="N11" s="88"/>
      <c r="O11" s="88"/>
      <c r="P11" s="88"/>
      <c r="Q11" s="88"/>
      <c r="R11" s="88"/>
      <c r="S11" s="88"/>
      <c r="T11" s="88"/>
      <c r="U11" s="88"/>
      <c r="V11" s="88"/>
      <c r="W11" s="88"/>
      <c r="X11" s="88"/>
      <c r="Y11" s="89"/>
    </row>
    <row r="12" spans="2:25" ht="20.100000000000001" customHeight="1" x14ac:dyDescent="0.15">
      <c r="B12" s="204" t="s">
        <v>260</v>
      </c>
      <c r="C12" s="205"/>
      <c r="D12" s="205"/>
      <c r="E12" s="205"/>
      <c r="F12" s="206"/>
      <c r="G12" s="69" t="s">
        <v>0</v>
      </c>
      <c r="H12" s="94" t="s">
        <v>259</v>
      </c>
      <c r="I12" s="84"/>
      <c r="J12" s="84"/>
      <c r="K12" s="84"/>
      <c r="L12" s="84"/>
      <c r="M12" s="84"/>
      <c r="N12" s="84"/>
      <c r="O12" s="84"/>
      <c r="P12" s="84"/>
      <c r="Q12" s="84"/>
      <c r="R12" s="84"/>
      <c r="S12" s="84"/>
      <c r="T12" s="84"/>
      <c r="U12" s="84"/>
      <c r="V12" s="84"/>
      <c r="W12" s="84"/>
      <c r="X12" s="84"/>
      <c r="Y12" s="85"/>
    </row>
    <row r="13" spans="2:25" ht="20.100000000000001" customHeight="1" x14ac:dyDescent="0.15">
      <c r="B13" s="207"/>
      <c r="C13" s="208"/>
      <c r="D13" s="208"/>
      <c r="E13" s="208"/>
      <c r="F13" s="209"/>
      <c r="G13" s="69" t="s">
        <v>0</v>
      </c>
      <c r="H13" s="74" t="s">
        <v>258</v>
      </c>
      <c r="I13" s="67"/>
      <c r="J13" s="67"/>
      <c r="K13" s="67"/>
      <c r="L13" s="67"/>
      <c r="M13" s="67"/>
      <c r="N13" s="67"/>
      <c r="O13" s="67"/>
      <c r="P13" s="67"/>
      <c r="Q13" s="67"/>
      <c r="R13" s="67"/>
      <c r="S13" s="67"/>
      <c r="T13" s="67"/>
      <c r="U13" s="67"/>
      <c r="V13" s="67"/>
      <c r="W13" s="67"/>
      <c r="X13" s="67"/>
      <c r="Y13" s="68"/>
    </row>
    <row r="14" spans="2:25" ht="20.100000000000001" customHeight="1" x14ac:dyDescent="0.15">
      <c r="B14" s="207"/>
      <c r="C14" s="208"/>
      <c r="D14" s="208"/>
      <c r="E14" s="208"/>
      <c r="F14" s="209"/>
      <c r="G14" s="69" t="s">
        <v>0</v>
      </c>
      <c r="H14" s="74" t="s">
        <v>257</v>
      </c>
      <c r="I14" s="67"/>
      <c r="J14" s="67"/>
      <c r="K14" s="67"/>
      <c r="L14" s="67"/>
      <c r="M14" s="67"/>
      <c r="N14" s="67"/>
      <c r="O14" s="67"/>
      <c r="P14" s="67"/>
      <c r="Q14" s="67"/>
      <c r="R14" s="67"/>
      <c r="S14" s="67"/>
      <c r="T14" s="67"/>
      <c r="U14" s="67"/>
      <c r="V14" s="67"/>
      <c r="W14" s="67"/>
      <c r="X14" s="67"/>
      <c r="Y14" s="68"/>
    </row>
    <row r="15" spans="2:25" ht="20.100000000000001" customHeight="1" x14ac:dyDescent="0.15">
      <c r="B15" s="210"/>
      <c r="C15" s="211"/>
      <c r="D15" s="211"/>
      <c r="E15" s="211"/>
      <c r="F15" s="212"/>
      <c r="G15" s="86" t="s">
        <v>0</v>
      </c>
      <c r="H15" s="97" t="s">
        <v>256</v>
      </c>
      <c r="I15" s="88"/>
      <c r="J15" s="88"/>
      <c r="K15" s="88"/>
      <c r="L15" s="88"/>
      <c r="M15" s="88"/>
      <c r="N15" s="88"/>
      <c r="O15" s="88"/>
      <c r="P15" s="88"/>
      <c r="Q15" s="88"/>
      <c r="R15" s="88"/>
      <c r="S15" s="88"/>
      <c r="T15" s="88"/>
      <c r="U15" s="88"/>
      <c r="V15" s="88"/>
      <c r="W15" s="88"/>
      <c r="X15" s="88"/>
      <c r="Y15" s="89"/>
    </row>
    <row r="17" spans="2:25" x14ac:dyDescent="0.15">
      <c r="B17" s="93"/>
      <c r="C17" s="94"/>
      <c r="D17" s="94"/>
      <c r="E17" s="94"/>
      <c r="F17" s="94"/>
      <c r="G17" s="94"/>
      <c r="H17" s="94"/>
      <c r="I17" s="94"/>
      <c r="J17" s="94"/>
      <c r="K17" s="94"/>
      <c r="L17" s="94"/>
      <c r="M17" s="94"/>
      <c r="N17" s="94"/>
      <c r="O17" s="94"/>
      <c r="P17" s="94"/>
      <c r="Q17" s="94"/>
      <c r="R17" s="94"/>
      <c r="S17" s="94"/>
      <c r="T17" s="94"/>
      <c r="U17" s="94"/>
      <c r="V17" s="94"/>
      <c r="W17" s="94"/>
      <c r="X17" s="94"/>
      <c r="Y17" s="95"/>
    </row>
    <row r="18" spans="2:25" x14ac:dyDescent="0.15">
      <c r="B18" s="3" t="s">
        <v>255</v>
      </c>
      <c r="Y18" s="75"/>
    </row>
    <row r="19" spans="2:25" x14ac:dyDescent="0.15">
      <c r="B19" s="3"/>
      <c r="Y19" s="75"/>
    </row>
    <row r="20" spans="2:25" x14ac:dyDescent="0.15">
      <c r="B20" s="3"/>
      <c r="C20" s="74" t="s">
        <v>254</v>
      </c>
      <c r="K20" s="208"/>
      <c r="L20" s="208"/>
      <c r="M20" s="74" t="s">
        <v>253</v>
      </c>
      <c r="Y20" s="75"/>
    </row>
    <row r="21" spans="2:25" ht="6.75" customHeight="1" x14ac:dyDescent="0.15">
      <c r="B21" s="3"/>
      <c r="Y21" s="75"/>
    </row>
    <row r="22" spans="2:25" ht="21" customHeight="1" x14ac:dyDescent="0.15">
      <c r="B22" s="3"/>
      <c r="D22" s="215" t="s">
        <v>252</v>
      </c>
      <c r="E22" s="213"/>
      <c r="F22" s="213"/>
      <c r="G22" s="213"/>
      <c r="H22" s="214"/>
      <c r="I22" s="216"/>
      <c r="J22" s="217"/>
      <c r="K22" s="217"/>
      <c r="L22" s="217"/>
      <c r="M22" s="78" t="s">
        <v>240</v>
      </c>
      <c r="N22" s="71" t="s">
        <v>242</v>
      </c>
      <c r="O22" s="72"/>
      <c r="P22" s="213"/>
      <c r="Q22" s="213"/>
      <c r="R22" s="78" t="s">
        <v>240</v>
      </c>
      <c r="S22" s="71" t="s">
        <v>241</v>
      </c>
      <c r="T22" s="72"/>
      <c r="U22" s="72"/>
      <c r="V22" s="213"/>
      <c r="W22" s="213"/>
      <c r="X22" s="78" t="s">
        <v>240</v>
      </c>
      <c r="Y22" s="75"/>
    </row>
    <row r="23" spans="2:25" ht="21" customHeight="1" x14ac:dyDescent="0.15">
      <c r="B23" s="3"/>
      <c r="D23" s="215" t="s">
        <v>251</v>
      </c>
      <c r="E23" s="213"/>
      <c r="F23" s="213"/>
      <c r="G23" s="213"/>
      <c r="H23" s="214"/>
      <c r="I23" s="215"/>
      <c r="J23" s="213"/>
      <c r="K23" s="213"/>
      <c r="L23" s="213"/>
      <c r="M23" s="78" t="s">
        <v>240</v>
      </c>
      <c r="N23" s="71" t="s">
        <v>242</v>
      </c>
      <c r="O23" s="72"/>
      <c r="P23" s="213"/>
      <c r="Q23" s="213"/>
      <c r="R23" s="78" t="s">
        <v>240</v>
      </c>
      <c r="S23" s="71" t="s">
        <v>241</v>
      </c>
      <c r="T23" s="72"/>
      <c r="U23" s="72"/>
      <c r="V23" s="213"/>
      <c r="W23" s="213"/>
      <c r="X23" s="78" t="s">
        <v>240</v>
      </c>
      <c r="Y23" s="75"/>
    </row>
    <row r="24" spans="2:25" ht="15.75" customHeight="1" x14ac:dyDescent="0.15">
      <c r="B24" s="3"/>
      <c r="D24" s="225" t="s">
        <v>250</v>
      </c>
      <c r="E24" s="226"/>
      <c r="F24" s="226"/>
      <c r="G24" s="226"/>
      <c r="H24" s="226"/>
      <c r="I24" s="226"/>
      <c r="J24" s="226"/>
      <c r="K24" s="226"/>
      <c r="L24" s="226"/>
      <c r="M24" s="226"/>
      <c r="N24" s="226"/>
      <c r="O24" s="226"/>
      <c r="P24" s="226"/>
      <c r="Q24" s="226"/>
      <c r="R24" s="226"/>
      <c r="S24" s="226"/>
      <c r="T24" s="226"/>
      <c r="U24" s="227"/>
      <c r="V24" s="144" t="s">
        <v>20</v>
      </c>
      <c r="W24" s="130" t="s">
        <v>195</v>
      </c>
      <c r="X24" s="143" t="s">
        <v>21</v>
      </c>
      <c r="Y24" s="75"/>
    </row>
    <row r="25" spans="2:25" ht="30.75" customHeight="1" x14ac:dyDescent="0.15">
      <c r="B25" s="3"/>
      <c r="D25" s="228"/>
      <c r="E25" s="229"/>
      <c r="F25" s="229"/>
      <c r="G25" s="229"/>
      <c r="H25" s="229"/>
      <c r="I25" s="229"/>
      <c r="J25" s="229"/>
      <c r="K25" s="229"/>
      <c r="L25" s="229"/>
      <c r="M25" s="229"/>
      <c r="N25" s="229"/>
      <c r="O25" s="229"/>
      <c r="P25" s="229"/>
      <c r="Q25" s="229"/>
      <c r="R25" s="229"/>
      <c r="S25" s="229"/>
      <c r="T25" s="229"/>
      <c r="U25" s="230"/>
      <c r="V25" s="76" t="s">
        <v>0</v>
      </c>
      <c r="W25" s="77" t="s">
        <v>249</v>
      </c>
      <c r="X25" s="78" t="s">
        <v>0</v>
      </c>
      <c r="Y25" s="75"/>
    </row>
    <row r="26" spans="2:25" ht="17.25" customHeight="1" x14ac:dyDescent="0.15">
      <c r="B26" s="3"/>
      <c r="D26" s="222" t="s">
        <v>248</v>
      </c>
      <c r="E26" s="223"/>
      <c r="F26" s="223"/>
      <c r="G26" s="223"/>
      <c r="H26" s="223"/>
      <c r="I26" s="223"/>
      <c r="J26" s="223"/>
      <c r="K26" s="223"/>
      <c r="L26" s="223"/>
      <c r="M26" s="223"/>
      <c r="N26" s="223"/>
      <c r="O26" s="223"/>
      <c r="P26" s="223"/>
      <c r="Q26" s="223"/>
      <c r="R26" s="223"/>
      <c r="S26" s="223"/>
      <c r="T26" s="223"/>
      <c r="U26" s="223"/>
      <c r="V26" s="223"/>
      <c r="W26" s="223"/>
      <c r="X26" s="224"/>
      <c r="Y26" s="75"/>
    </row>
    <row r="27" spans="2:25" ht="21" customHeight="1" x14ac:dyDescent="0.15">
      <c r="B27" s="3"/>
      <c r="D27" s="215" t="s">
        <v>247</v>
      </c>
      <c r="E27" s="213"/>
      <c r="F27" s="213"/>
      <c r="G27" s="213"/>
      <c r="H27" s="214"/>
      <c r="I27" s="215"/>
      <c r="J27" s="213"/>
      <c r="K27" s="213"/>
      <c r="L27" s="213"/>
      <c r="M27" s="78" t="s">
        <v>240</v>
      </c>
      <c r="N27" s="71" t="s">
        <v>242</v>
      </c>
      <c r="O27" s="72"/>
      <c r="P27" s="213"/>
      <c r="Q27" s="213"/>
      <c r="R27" s="78" t="s">
        <v>240</v>
      </c>
      <c r="S27" s="71" t="s">
        <v>241</v>
      </c>
      <c r="T27" s="72"/>
      <c r="U27" s="72"/>
      <c r="V27" s="213"/>
      <c r="W27" s="213"/>
      <c r="X27" s="78" t="s">
        <v>240</v>
      </c>
      <c r="Y27" s="75"/>
    </row>
    <row r="28" spans="2:25" ht="21" customHeight="1" x14ac:dyDescent="0.15">
      <c r="B28" s="3"/>
      <c r="D28" s="215" t="s">
        <v>246</v>
      </c>
      <c r="E28" s="213"/>
      <c r="F28" s="213"/>
      <c r="G28" s="213"/>
      <c r="H28" s="214"/>
      <c r="I28" s="215"/>
      <c r="J28" s="213"/>
      <c r="K28" s="213"/>
      <c r="L28" s="213"/>
      <c r="M28" s="78" t="s">
        <v>240</v>
      </c>
      <c r="N28" s="71" t="s">
        <v>242</v>
      </c>
      <c r="O28" s="72"/>
      <c r="P28" s="213"/>
      <c r="Q28" s="213"/>
      <c r="R28" s="78" t="s">
        <v>240</v>
      </c>
      <c r="S28" s="71" t="s">
        <v>241</v>
      </c>
      <c r="T28" s="72"/>
      <c r="U28" s="72"/>
      <c r="V28" s="213"/>
      <c r="W28" s="213"/>
      <c r="X28" s="78" t="s">
        <v>240</v>
      </c>
      <c r="Y28" s="75"/>
    </row>
    <row r="29" spans="2:25" ht="21" customHeight="1" x14ac:dyDescent="0.15">
      <c r="B29" s="3"/>
      <c r="D29" s="215" t="s">
        <v>245</v>
      </c>
      <c r="E29" s="213"/>
      <c r="F29" s="213"/>
      <c r="G29" s="213"/>
      <c r="H29" s="214"/>
      <c r="I29" s="215"/>
      <c r="J29" s="213"/>
      <c r="K29" s="213"/>
      <c r="L29" s="213"/>
      <c r="M29" s="78" t="s">
        <v>240</v>
      </c>
      <c r="N29" s="71" t="s">
        <v>242</v>
      </c>
      <c r="O29" s="72"/>
      <c r="P29" s="213"/>
      <c r="Q29" s="213"/>
      <c r="R29" s="78" t="s">
        <v>240</v>
      </c>
      <c r="S29" s="71" t="s">
        <v>241</v>
      </c>
      <c r="T29" s="72"/>
      <c r="U29" s="72"/>
      <c r="V29" s="213"/>
      <c r="W29" s="213"/>
      <c r="X29" s="78" t="s">
        <v>240</v>
      </c>
      <c r="Y29" s="75"/>
    </row>
    <row r="30" spans="2:25" ht="21" customHeight="1" x14ac:dyDescent="0.15">
      <c r="B30" s="3"/>
      <c r="D30" s="215" t="s">
        <v>244</v>
      </c>
      <c r="E30" s="213"/>
      <c r="F30" s="213"/>
      <c r="G30" s="213"/>
      <c r="H30" s="214"/>
      <c r="I30" s="215"/>
      <c r="J30" s="213"/>
      <c r="K30" s="213"/>
      <c r="L30" s="213"/>
      <c r="M30" s="78" t="s">
        <v>240</v>
      </c>
      <c r="N30" s="71" t="s">
        <v>242</v>
      </c>
      <c r="O30" s="72"/>
      <c r="P30" s="213"/>
      <c r="Q30" s="213"/>
      <c r="R30" s="78" t="s">
        <v>240</v>
      </c>
      <c r="S30" s="71" t="s">
        <v>241</v>
      </c>
      <c r="T30" s="72"/>
      <c r="U30" s="72"/>
      <c r="V30" s="213"/>
      <c r="W30" s="213"/>
      <c r="X30" s="78" t="s">
        <v>240</v>
      </c>
      <c r="Y30" s="75"/>
    </row>
    <row r="31" spans="2:25" ht="21" customHeight="1" x14ac:dyDescent="0.15">
      <c r="B31" s="3"/>
      <c r="D31" s="215" t="s">
        <v>243</v>
      </c>
      <c r="E31" s="213"/>
      <c r="F31" s="213"/>
      <c r="G31" s="213"/>
      <c r="H31" s="214"/>
      <c r="I31" s="215"/>
      <c r="J31" s="213"/>
      <c r="K31" s="213"/>
      <c r="L31" s="213"/>
      <c r="M31" s="78" t="s">
        <v>240</v>
      </c>
      <c r="N31" s="71" t="s">
        <v>242</v>
      </c>
      <c r="O31" s="72"/>
      <c r="P31" s="213"/>
      <c r="Q31" s="213"/>
      <c r="R31" s="78" t="s">
        <v>240</v>
      </c>
      <c r="S31" s="71" t="s">
        <v>241</v>
      </c>
      <c r="T31" s="72"/>
      <c r="U31" s="72"/>
      <c r="V31" s="213"/>
      <c r="W31" s="213"/>
      <c r="X31" s="78" t="s">
        <v>240</v>
      </c>
      <c r="Y31" s="75"/>
    </row>
    <row r="32" spans="2:25" ht="13.5" customHeight="1" x14ac:dyDescent="0.15">
      <c r="B32" s="3"/>
      <c r="D32" s="69"/>
      <c r="E32" s="69"/>
      <c r="F32" s="69"/>
      <c r="G32" s="69"/>
      <c r="H32" s="69"/>
      <c r="I32" s="69"/>
      <c r="J32" s="69"/>
      <c r="K32" s="69"/>
      <c r="L32" s="69"/>
      <c r="M32" s="69"/>
      <c r="P32" s="69"/>
      <c r="Q32" s="69"/>
      <c r="R32" s="69"/>
      <c r="V32" s="69"/>
      <c r="W32" s="69"/>
      <c r="X32" s="69"/>
      <c r="Y32" s="75"/>
    </row>
    <row r="33" spans="2:32" x14ac:dyDescent="0.15">
      <c r="B33" s="3"/>
      <c r="C33" s="74" t="s">
        <v>239</v>
      </c>
      <c r="Y33" s="75"/>
      <c r="Z33"/>
      <c r="AA33"/>
      <c r="AB33"/>
    </row>
    <row r="34" spans="2:32" ht="7.5" customHeight="1" x14ac:dyDescent="0.15">
      <c r="B34" s="3"/>
      <c r="Y34" s="75"/>
      <c r="Z34"/>
      <c r="AA34"/>
      <c r="AB34"/>
    </row>
    <row r="35" spans="2:32" ht="35.25" customHeight="1" x14ac:dyDescent="0.15">
      <c r="B35" s="3"/>
      <c r="D35" s="219"/>
      <c r="E35" s="220"/>
      <c r="F35" s="220"/>
      <c r="G35" s="220"/>
      <c r="H35" s="220"/>
      <c r="I35" s="220"/>
      <c r="J35" s="220"/>
      <c r="K35" s="220"/>
      <c r="L35" s="220"/>
      <c r="M35" s="220"/>
      <c r="N35" s="220"/>
      <c r="O35" s="220"/>
      <c r="P35" s="220"/>
      <c r="Q35" s="220"/>
      <c r="R35" s="220"/>
      <c r="S35" s="220"/>
      <c r="T35" s="220"/>
      <c r="U35" s="220"/>
      <c r="V35" s="220"/>
      <c r="W35" s="220"/>
      <c r="X35" s="221"/>
      <c r="Y35" s="75"/>
      <c r="Z35"/>
      <c r="AA35"/>
      <c r="AB35"/>
    </row>
    <row r="36" spans="2:32" ht="12" customHeight="1" x14ac:dyDescent="0.15">
      <c r="B36" s="3"/>
      <c r="Y36" s="75"/>
      <c r="Z36"/>
      <c r="AA36"/>
      <c r="AB36"/>
    </row>
    <row r="37" spans="2:32" x14ac:dyDescent="0.15">
      <c r="B37" s="3"/>
      <c r="C37" s="74" t="s">
        <v>238</v>
      </c>
      <c r="Y37" s="75"/>
      <c r="Z37"/>
      <c r="AA37"/>
      <c r="AB37"/>
    </row>
    <row r="38" spans="2:32" ht="6.75" customHeight="1" x14ac:dyDescent="0.15">
      <c r="B38" s="3"/>
      <c r="D38" s="97"/>
      <c r="E38" s="97"/>
      <c r="F38" s="97"/>
      <c r="G38" s="97"/>
      <c r="H38" s="97"/>
      <c r="I38" s="97"/>
      <c r="J38" s="97"/>
      <c r="K38" s="97"/>
      <c r="L38" s="97"/>
      <c r="M38" s="97"/>
      <c r="N38" s="97"/>
      <c r="O38" s="97"/>
      <c r="P38" s="97"/>
      <c r="Q38" s="97"/>
      <c r="R38" s="97"/>
      <c r="S38" s="97"/>
      <c r="T38" s="97"/>
      <c r="U38" s="97"/>
      <c r="V38" s="97"/>
      <c r="W38" s="97"/>
      <c r="X38" s="97"/>
      <c r="Y38" s="75"/>
      <c r="Z38"/>
      <c r="AA38" s="142"/>
      <c r="AB38" s="142"/>
      <c r="AC38" s="97"/>
      <c r="AD38" s="97"/>
      <c r="AE38" s="97"/>
      <c r="AF38" s="97"/>
    </row>
    <row r="39" spans="2:32" ht="23.25" customHeight="1" x14ac:dyDescent="0.15">
      <c r="B39" s="3"/>
      <c r="D39" s="141">
        <v>1</v>
      </c>
      <c r="E39" s="210"/>
      <c r="F39" s="211"/>
      <c r="G39" s="140" t="s">
        <v>235</v>
      </c>
      <c r="H39" s="211"/>
      <c r="I39" s="211"/>
      <c r="J39" s="140" t="s">
        <v>234</v>
      </c>
      <c r="K39" s="211"/>
      <c r="L39" s="211"/>
      <c r="M39" s="212"/>
      <c r="N39" s="141">
        <v>4</v>
      </c>
      <c r="O39" s="210"/>
      <c r="P39" s="211"/>
      <c r="Q39" s="140" t="s">
        <v>235</v>
      </c>
      <c r="R39" s="211"/>
      <c r="S39" s="211"/>
      <c r="T39" s="140" t="s">
        <v>234</v>
      </c>
      <c r="U39" s="140"/>
      <c r="V39" s="211"/>
      <c r="W39" s="211"/>
      <c r="X39" s="211"/>
      <c r="Y39" s="91"/>
      <c r="Z39" s="139"/>
      <c r="AA39"/>
      <c r="AB39"/>
    </row>
    <row r="40" spans="2:32" ht="23.25" customHeight="1" x14ac:dyDescent="0.15">
      <c r="B40" s="3"/>
      <c r="D40" s="70">
        <v>2</v>
      </c>
      <c r="E40" s="215"/>
      <c r="F40" s="213"/>
      <c r="G40" s="100" t="s">
        <v>235</v>
      </c>
      <c r="H40" s="213"/>
      <c r="I40" s="213"/>
      <c r="J40" s="100" t="s">
        <v>237</v>
      </c>
      <c r="K40" s="213"/>
      <c r="L40" s="213"/>
      <c r="M40" s="214"/>
      <c r="N40" s="70">
        <v>5</v>
      </c>
      <c r="O40" s="215"/>
      <c r="P40" s="213"/>
      <c r="Q40" s="100" t="s">
        <v>236</v>
      </c>
      <c r="R40" s="213"/>
      <c r="S40" s="213"/>
      <c r="T40" s="100" t="s">
        <v>237</v>
      </c>
      <c r="U40" s="100"/>
      <c r="V40" s="213"/>
      <c r="W40" s="213"/>
      <c r="X40" s="214"/>
      <c r="Y40" s="75"/>
      <c r="Z40"/>
      <c r="AA40"/>
      <c r="AB40"/>
    </row>
    <row r="41" spans="2:32" ht="23.25" customHeight="1" x14ac:dyDescent="0.15">
      <c r="B41" s="3"/>
      <c r="D41" s="70">
        <v>3</v>
      </c>
      <c r="E41" s="215"/>
      <c r="F41" s="213"/>
      <c r="G41" s="100" t="s">
        <v>236</v>
      </c>
      <c r="H41" s="213"/>
      <c r="I41" s="213"/>
      <c r="J41" s="100" t="s">
        <v>234</v>
      </c>
      <c r="K41" s="213"/>
      <c r="L41" s="213"/>
      <c r="M41" s="214"/>
      <c r="N41" s="70">
        <v>6</v>
      </c>
      <c r="O41" s="215"/>
      <c r="P41" s="213"/>
      <c r="Q41" s="100" t="s">
        <v>235</v>
      </c>
      <c r="R41" s="213"/>
      <c r="S41" s="213"/>
      <c r="T41" s="100" t="s">
        <v>234</v>
      </c>
      <c r="U41" s="100"/>
      <c r="V41" s="213"/>
      <c r="W41" s="213"/>
      <c r="X41" s="214"/>
      <c r="Y41" s="75"/>
      <c r="Z41"/>
      <c r="AA41"/>
      <c r="AB41"/>
    </row>
    <row r="42" spans="2:32" x14ac:dyDescent="0.15">
      <c r="B42" s="96"/>
      <c r="C42" s="97"/>
      <c r="D42" s="97"/>
      <c r="E42" s="97"/>
      <c r="F42" s="97"/>
      <c r="G42" s="97"/>
      <c r="H42" s="97"/>
      <c r="I42" s="97"/>
      <c r="J42" s="97"/>
      <c r="K42" s="97"/>
      <c r="L42" s="97"/>
      <c r="M42" s="97"/>
      <c r="N42" s="97"/>
      <c r="O42" s="97"/>
      <c r="P42" s="97"/>
      <c r="Q42" s="97"/>
      <c r="R42" s="97"/>
      <c r="S42" s="97"/>
      <c r="T42" s="97"/>
      <c r="U42" s="97"/>
      <c r="V42" s="97"/>
      <c r="W42" s="97"/>
      <c r="X42" s="97"/>
      <c r="Y42" s="98"/>
      <c r="Z42"/>
      <c r="AA42"/>
      <c r="AB42"/>
    </row>
    <row r="44" spans="2:32" x14ac:dyDescent="0.15">
      <c r="B44" s="93"/>
      <c r="C44" s="94"/>
      <c r="D44" s="94"/>
      <c r="E44" s="94"/>
      <c r="F44" s="94"/>
      <c r="G44" s="94"/>
      <c r="H44" s="94"/>
      <c r="I44" s="94"/>
      <c r="J44" s="94"/>
      <c r="K44" s="94"/>
      <c r="L44" s="94"/>
      <c r="M44" s="94"/>
      <c r="N44" s="94"/>
      <c r="O44" s="94"/>
      <c r="P44" s="94"/>
      <c r="Q44" s="94"/>
      <c r="R44" s="94"/>
      <c r="S44" s="94"/>
      <c r="T44" s="95"/>
      <c r="U44" s="94"/>
      <c r="V44" s="94"/>
      <c r="W44" s="94"/>
      <c r="X44" s="94"/>
      <c r="Y44" s="95"/>
      <c r="Z44"/>
      <c r="AA44"/>
      <c r="AB44"/>
    </row>
    <row r="45" spans="2:32" x14ac:dyDescent="0.15">
      <c r="B45" s="3" t="s">
        <v>233</v>
      </c>
      <c r="T45" s="75"/>
      <c r="V45" s="28" t="s">
        <v>20</v>
      </c>
      <c r="W45" s="28" t="s">
        <v>192</v>
      </c>
      <c r="X45" s="28" t="s">
        <v>21</v>
      </c>
      <c r="Y45" s="75"/>
      <c r="Z45"/>
      <c r="AA45"/>
      <c r="AB45"/>
    </row>
    <row r="46" spans="2:32" x14ac:dyDescent="0.15">
      <c r="B46" s="3"/>
      <c r="D46" s="74" t="s">
        <v>232</v>
      </c>
      <c r="T46" s="75"/>
      <c r="V46" s="28"/>
      <c r="W46" s="28"/>
      <c r="X46" s="28"/>
      <c r="Y46" s="75"/>
      <c r="Z46"/>
      <c r="AA46"/>
      <c r="AB46"/>
    </row>
    <row r="47" spans="2:32" ht="14.25" customHeight="1" x14ac:dyDescent="0.15">
      <c r="B47" s="3"/>
      <c r="T47" s="75"/>
      <c r="Y47" s="75"/>
      <c r="Z47"/>
      <c r="AA47"/>
      <c r="AB47"/>
    </row>
    <row r="48" spans="2:32" ht="17.25" customHeight="1" x14ac:dyDescent="0.15">
      <c r="B48" s="3"/>
      <c r="C48" s="74" t="s">
        <v>231</v>
      </c>
      <c r="T48" s="75"/>
      <c r="V48" s="69" t="s">
        <v>0</v>
      </c>
      <c r="W48" s="69" t="s">
        <v>195</v>
      </c>
      <c r="X48" s="69" t="s">
        <v>0</v>
      </c>
      <c r="Y48" s="2"/>
      <c r="AB48" s="74" t="s">
        <v>230</v>
      </c>
    </row>
    <row r="49" spans="2:25" x14ac:dyDescent="0.15">
      <c r="B49" s="3"/>
      <c r="D49" s="74" t="s">
        <v>229</v>
      </c>
      <c r="T49" s="75"/>
      <c r="V49" s="69"/>
      <c r="W49" s="69"/>
      <c r="X49" s="69"/>
      <c r="Y49" s="82"/>
    </row>
    <row r="50" spans="2:25" x14ac:dyDescent="0.15">
      <c r="B50" s="3"/>
      <c r="T50" s="75"/>
      <c r="V50" s="69"/>
      <c r="W50" s="69"/>
      <c r="X50" s="69"/>
      <c r="Y50" s="82"/>
    </row>
    <row r="51" spans="2:25" ht="17.25" customHeight="1" x14ac:dyDescent="0.15">
      <c r="B51" s="3"/>
      <c r="C51" s="74" t="s">
        <v>228</v>
      </c>
      <c r="T51" s="75"/>
      <c r="V51" s="69" t="s">
        <v>0</v>
      </c>
      <c r="W51" s="69" t="s">
        <v>192</v>
      </c>
      <c r="X51" s="69" t="s">
        <v>0</v>
      </c>
      <c r="Y51" s="2"/>
    </row>
    <row r="52" spans="2:25" ht="17.25" customHeight="1" x14ac:dyDescent="0.15">
      <c r="B52" s="3"/>
      <c r="D52" s="74" t="s">
        <v>227</v>
      </c>
      <c r="T52" s="75"/>
      <c r="V52" s="69"/>
      <c r="W52" s="69"/>
      <c r="X52" s="69"/>
      <c r="Y52" s="2"/>
    </row>
    <row r="53" spans="2:25" x14ac:dyDescent="0.15">
      <c r="B53" s="3"/>
      <c r="T53" s="75"/>
      <c r="V53" s="69"/>
      <c r="W53" s="69"/>
      <c r="X53" s="69"/>
      <c r="Y53" s="82"/>
    </row>
    <row r="54" spans="2:25" ht="17.25" customHeight="1" x14ac:dyDescent="0.15">
      <c r="B54" s="3"/>
      <c r="C54" s="74" t="s">
        <v>226</v>
      </c>
      <c r="T54" s="75"/>
      <c r="V54" s="69" t="s">
        <v>0</v>
      </c>
      <c r="W54" s="69" t="s">
        <v>195</v>
      </c>
      <c r="X54" s="69" t="s">
        <v>0</v>
      </c>
      <c r="Y54" s="2"/>
    </row>
    <row r="55" spans="2:25" ht="17.25" customHeight="1" x14ac:dyDescent="0.15">
      <c r="B55" s="3"/>
      <c r="D55" s="74" t="s">
        <v>225</v>
      </c>
      <c r="T55" s="75"/>
      <c r="V55" s="69"/>
      <c r="W55" s="69"/>
      <c r="X55" s="69"/>
      <c r="Y55" s="2"/>
    </row>
    <row r="56" spans="2:25" ht="13.5" customHeight="1" x14ac:dyDescent="0.15">
      <c r="B56" s="3"/>
      <c r="T56" s="75"/>
      <c r="V56" s="4"/>
      <c r="W56" s="4"/>
      <c r="X56" s="4"/>
      <c r="Y56" s="2"/>
    </row>
    <row r="57" spans="2:25" ht="17.25" customHeight="1" x14ac:dyDescent="0.15">
      <c r="B57" s="3"/>
      <c r="C57" s="74" t="s">
        <v>224</v>
      </c>
      <c r="T57" s="75"/>
      <c r="V57" s="69" t="s">
        <v>0</v>
      </c>
      <c r="W57" s="69" t="s">
        <v>195</v>
      </c>
      <c r="X57" s="69" t="s">
        <v>0</v>
      </c>
      <c r="Y57" s="2"/>
    </row>
    <row r="58" spans="2:25" ht="17.25" customHeight="1" x14ac:dyDescent="0.15">
      <c r="B58" s="3"/>
      <c r="D58" s="74" t="s">
        <v>223</v>
      </c>
      <c r="T58" s="75"/>
      <c r="V58" s="69"/>
      <c r="W58" s="69"/>
      <c r="X58" s="69"/>
      <c r="Y58" s="2"/>
    </row>
    <row r="59" spans="2:25" ht="17.25" customHeight="1" x14ac:dyDescent="0.15">
      <c r="B59" s="3"/>
      <c r="D59" s="74" t="s">
        <v>222</v>
      </c>
      <c r="T59" s="75"/>
      <c r="V59" s="69"/>
      <c r="W59" s="69"/>
      <c r="X59" s="69"/>
      <c r="Y59" s="2"/>
    </row>
    <row r="60" spans="2:25" x14ac:dyDescent="0.15">
      <c r="B60" s="3"/>
      <c r="T60" s="75"/>
      <c r="V60" s="69"/>
      <c r="W60" s="69"/>
      <c r="X60" s="69"/>
      <c r="Y60" s="82"/>
    </row>
    <row r="61" spans="2:25" ht="17.25" customHeight="1" x14ac:dyDescent="0.15">
      <c r="B61" s="3"/>
      <c r="C61" s="74" t="s">
        <v>221</v>
      </c>
      <c r="T61" s="75"/>
      <c r="V61" s="69" t="s">
        <v>0</v>
      </c>
      <c r="W61" s="69" t="s">
        <v>192</v>
      </c>
      <c r="X61" s="69" t="s">
        <v>0</v>
      </c>
      <c r="Y61" s="2"/>
    </row>
    <row r="62" spans="2:25" ht="7.5" customHeight="1" x14ac:dyDescent="0.15">
      <c r="B62" s="96"/>
      <c r="C62" s="97"/>
      <c r="D62" s="97"/>
      <c r="E62" s="97"/>
      <c r="F62" s="97"/>
      <c r="G62" s="97"/>
      <c r="H62" s="97"/>
      <c r="I62" s="97"/>
      <c r="J62" s="97"/>
      <c r="K62" s="97"/>
      <c r="L62" s="97"/>
      <c r="M62" s="97"/>
      <c r="N62" s="97"/>
      <c r="O62" s="97"/>
      <c r="P62" s="97"/>
      <c r="Q62" s="97"/>
      <c r="R62" s="97"/>
      <c r="S62" s="97"/>
      <c r="T62" s="98"/>
      <c r="U62" s="97"/>
      <c r="V62" s="97"/>
      <c r="W62" s="97"/>
      <c r="X62" s="97"/>
      <c r="Y62" s="98"/>
    </row>
    <row r="64" spans="2:25" x14ac:dyDescent="0.15">
      <c r="B64" s="93"/>
      <c r="C64" s="94"/>
      <c r="D64" s="94"/>
      <c r="E64" s="94"/>
      <c r="F64" s="94"/>
      <c r="G64" s="94"/>
      <c r="H64" s="94"/>
      <c r="I64" s="94"/>
      <c r="J64" s="94"/>
      <c r="K64" s="94"/>
      <c r="L64" s="94"/>
      <c r="M64" s="94"/>
      <c r="N64" s="94"/>
      <c r="O64" s="94"/>
      <c r="P64" s="94"/>
      <c r="Q64" s="94"/>
      <c r="R64" s="94"/>
      <c r="S64" s="94"/>
      <c r="T64" s="94"/>
      <c r="U64" s="93"/>
      <c r="V64" s="94"/>
      <c r="W64" s="94"/>
      <c r="X64" s="94"/>
      <c r="Y64" s="95"/>
    </row>
    <row r="65" spans="1:28" x14ac:dyDescent="0.15">
      <c r="B65" s="3" t="s">
        <v>220</v>
      </c>
      <c r="U65" s="3"/>
      <c r="V65" s="28" t="s">
        <v>20</v>
      </c>
      <c r="W65" s="28" t="s">
        <v>188</v>
      </c>
      <c r="X65" s="28" t="s">
        <v>21</v>
      </c>
      <c r="Y65" s="75"/>
    </row>
    <row r="66" spans="1:28" x14ac:dyDescent="0.15">
      <c r="B66" s="3"/>
      <c r="D66" s="74" t="s">
        <v>219</v>
      </c>
      <c r="U66" s="3"/>
      <c r="Y66" s="75"/>
    </row>
    <row r="67" spans="1:28" ht="17.25" customHeight="1" x14ac:dyDescent="0.15">
      <c r="B67" s="3"/>
      <c r="C67" s="74" t="s">
        <v>218</v>
      </c>
      <c r="U67" s="3"/>
      <c r="V67" s="69" t="s">
        <v>0</v>
      </c>
      <c r="W67" s="69" t="s">
        <v>188</v>
      </c>
      <c r="X67" s="69" t="s">
        <v>0</v>
      </c>
      <c r="Y67" s="2"/>
    </row>
    <row r="68" spans="1:28" ht="13.5" customHeight="1" x14ac:dyDescent="0.15">
      <c r="B68" s="3"/>
      <c r="U68" s="3"/>
      <c r="V68" s="69"/>
      <c r="W68" s="69"/>
      <c r="X68" s="69"/>
      <c r="Y68" s="82"/>
    </row>
    <row r="69" spans="1:28" ht="17.25" customHeight="1" x14ac:dyDescent="0.15">
      <c r="B69" s="3"/>
      <c r="C69" s="74" t="s">
        <v>217</v>
      </c>
      <c r="U69" s="3"/>
      <c r="V69" s="69" t="s">
        <v>0</v>
      </c>
      <c r="W69" s="69" t="s">
        <v>195</v>
      </c>
      <c r="X69" s="69" t="s">
        <v>0</v>
      </c>
      <c r="Y69" s="2"/>
    </row>
    <row r="70" spans="1:28" ht="13.5" customHeight="1" x14ac:dyDescent="0.15">
      <c r="B70" s="3"/>
      <c r="U70" s="3"/>
      <c r="V70" s="69"/>
      <c r="W70" s="69"/>
      <c r="X70" s="69"/>
      <c r="Y70" s="82"/>
    </row>
    <row r="71" spans="1:28" ht="17.25" customHeight="1" x14ac:dyDescent="0.15">
      <c r="A71" s="4"/>
      <c r="B71" s="3"/>
      <c r="C71" s="74" t="s">
        <v>216</v>
      </c>
      <c r="U71" s="3"/>
      <c r="V71" s="69" t="s">
        <v>0</v>
      </c>
      <c r="W71" s="69" t="s">
        <v>192</v>
      </c>
      <c r="X71" s="69" t="s">
        <v>0</v>
      </c>
      <c r="Y71" s="2"/>
    </row>
    <row r="72" spans="1:28" ht="13.5" customHeight="1" x14ac:dyDescent="0.15">
      <c r="B72" s="3"/>
      <c r="U72" s="3"/>
      <c r="V72" s="4"/>
      <c r="W72" s="4"/>
      <c r="X72" s="4"/>
      <c r="Y72" s="2"/>
    </row>
    <row r="73" spans="1:28" x14ac:dyDescent="0.15">
      <c r="B73" s="3"/>
      <c r="C73" s="74" t="s">
        <v>215</v>
      </c>
      <c r="U73" s="3"/>
      <c r="V73" s="69" t="s">
        <v>0</v>
      </c>
      <c r="W73" s="69" t="s">
        <v>192</v>
      </c>
      <c r="X73" s="69" t="s">
        <v>0</v>
      </c>
      <c r="Y73" s="2"/>
      <c r="Z73"/>
      <c r="AA73"/>
      <c r="AB73"/>
    </row>
    <row r="74" spans="1:28" ht="13.5" customHeight="1" x14ac:dyDescent="0.15">
      <c r="B74" s="3"/>
      <c r="U74" s="3"/>
      <c r="Y74" s="75"/>
      <c r="Z74"/>
      <c r="AA74"/>
      <c r="AB74"/>
    </row>
    <row r="75" spans="1:28" x14ac:dyDescent="0.15">
      <c r="B75" s="3"/>
      <c r="C75" s="74" t="s">
        <v>214</v>
      </c>
      <c r="U75" s="3"/>
      <c r="V75" s="69" t="s">
        <v>0</v>
      </c>
      <c r="W75" s="69" t="s">
        <v>192</v>
      </c>
      <c r="X75" s="69" t="s">
        <v>0</v>
      </c>
      <c r="Y75" s="2"/>
      <c r="Z75"/>
      <c r="AA75"/>
      <c r="AB75"/>
    </row>
    <row r="76" spans="1:28" x14ac:dyDescent="0.15">
      <c r="B76" s="3"/>
      <c r="U76" s="3"/>
      <c r="Y76" s="75"/>
      <c r="Z76"/>
      <c r="AA76"/>
      <c r="AB76"/>
    </row>
    <row r="77" spans="1:28" ht="16.5" customHeight="1" x14ac:dyDescent="0.15">
      <c r="B77" s="3"/>
      <c r="C77" s="74" t="s">
        <v>213</v>
      </c>
      <c r="U77" s="3"/>
      <c r="V77" s="69" t="s">
        <v>0</v>
      </c>
      <c r="W77" s="69" t="s">
        <v>188</v>
      </c>
      <c r="X77" s="69" t="s">
        <v>0</v>
      </c>
      <c r="Y77" s="2"/>
      <c r="Z77"/>
      <c r="AA77"/>
      <c r="AB77"/>
    </row>
    <row r="78" spans="1:28" ht="5.25" customHeight="1" x14ac:dyDescent="0.15">
      <c r="B78" s="96"/>
      <c r="C78" s="97"/>
      <c r="D78" s="97"/>
      <c r="E78" s="97"/>
      <c r="F78" s="97"/>
      <c r="G78" s="97"/>
      <c r="H78" s="97"/>
      <c r="I78" s="97"/>
      <c r="J78" s="97"/>
      <c r="K78" s="97"/>
      <c r="L78" s="97"/>
      <c r="M78" s="97"/>
      <c r="N78" s="97"/>
      <c r="O78" s="97"/>
      <c r="P78" s="97"/>
      <c r="Q78" s="97"/>
      <c r="R78" s="97"/>
      <c r="S78" s="97"/>
      <c r="T78" s="97"/>
      <c r="U78" s="96"/>
      <c r="V78" s="97"/>
      <c r="W78" s="97"/>
      <c r="X78" s="97"/>
      <c r="Y78" s="98"/>
      <c r="Z78"/>
      <c r="AA78"/>
      <c r="AB78"/>
    </row>
    <row r="80" spans="1:28" x14ac:dyDescent="0.15">
      <c r="B80" s="74" t="s">
        <v>212</v>
      </c>
    </row>
    <row r="81" spans="2:28" x14ac:dyDescent="0.15">
      <c r="B81" s="74" t="s">
        <v>211</v>
      </c>
      <c r="K81"/>
      <c r="L81"/>
      <c r="M81"/>
      <c r="N81"/>
      <c r="O81"/>
      <c r="P81"/>
      <c r="Q81"/>
      <c r="R81"/>
      <c r="S81"/>
      <c r="T81"/>
      <c r="U81"/>
      <c r="V81"/>
      <c r="W81"/>
      <c r="X81"/>
      <c r="Y81"/>
      <c r="Z81"/>
      <c r="AA81"/>
      <c r="AB81"/>
    </row>
    <row r="82" spans="2:28" ht="13.5" customHeight="1" x14ac:dyDescent="0.15">
      <c r="B82" s="74" t="s">
        <v>210</v>
      </c>
      <c r="K82"/>
      <c r="L82"/>
      <c r="M82"/>
      <c r="N82"/>
      <c r="O82"/>
      <c r="P82"/>
      <c r="Q82"/>
      <c r="R82"/>
      <c r="S82"/>
      <c r="T82"/>
      <c r="U82"/>
      <c r="V82"/>
      <c r="W82"/>
      <c r="X82"/>
      <c r="Y82"/>
      <c r="Z82"/>
      <c r="AA82"/>
      <c r="AB82"/>
    </row>
    <row r="84" spans="2:28" x14ac:dyDescent="0.15">
      <c r="B84" s="74" t="s">
        <v>209</v>
      </c>
      <c r="C84"/>
      <c r="D84"/>
      <c r="E84"/>
      <c r="F84"/>
      <c r="G84"/>
      <c r="H84"/>
      <c r="I84"/>
      <c r="J84"/>
      <c r="K84"/>
      <c r="L84"/>
      <c r="M84"/>
      <c r="N84"/>
      <c r="O84"/>
      <c r="P84"/>
      <c r="Q84"/>
      <c r="R84"/>
      <c r="S84"/>
      <c r="T84"/>
      <c r="U84"/>
      <c r="V84"/>
      <c r="W84"/>
      <c r="X84"/>
      <c r="Y84"/>
    </row>
    <row r="86" spans="2:28" x14ac:dyDescent="0.15">
      <c r="B86" s="208" t="s">
        <v>208</v>
      </c>
      <c r="C86" s="208"/>
      <c r="D86" s="208"/>
      <c r="E86" s="208"/>
      <c r="F86" s="208"/>
      <c r="G86" s="208"/>
      <c r="H86" s="208"/>
      <c r="I86" s="208"/>
      <c r="J86" s="208"/>
      <c r="K86" s="208"/>
      <c r="L86" s="208"/>
      <c r="M86" s="208"/>
      <c r="N86" s="208"/>
      <c r="O86" s="208"/>
      <c r="P86" s="208"/>
      <c r="Q86" s="208"/>
      <c r="R86" s="208"/>
      <c r="S86" s="208"/>
      <c r="T86" s="208"/>
      <c r="U86" s="208"/>
      <c r="V86" s="208"/>
      <c r="W86" s="208"/>
      <c r="X86" s="208"/>
      <c r="Y86" s="208"/>
    </row>
    <row r="88" spans="2:28" ht="23.25" customHeight="1" x14ac:dyDescent="0.15">
      <c r="B88" s="203" t="s">
        <v>15</v>
      </c>
      <c r="C88" s="203"/>
      <c r="D88" s="203"/>
      <c r="E88" s="203"/>
      <c r="F88" s="203"/>
      <c r="G88" s="216"/>
      <c r="H88" s="217"/>
      <c r="I88" s="217"/>
      <c r="J88" s="217"/>
      <c r="K88" s="217"/>
      <c r="L88" s="217"/>
      <c r="M88" s="217"/>
      <c r="N88" s="217"/>
      <c r="O88" s="217"/>
      <c r="P88" s="217"/>
      <c r="Q88" s="217"/>
      <c r="R88" s="217"/>
      <c r="S88" s="217"/>
      <c r="T88" s="217"/>
      <c r="U88" s="217"/>
      <c r="V88" s="217"/>
      <c r="W88" s="217"/>
      <c r="X88" s="217"/>
      <c r="Y88" s="218"/>
    </row>
    <row r="89" spans="2:28" ht="23.25" customHeight="1" x14ac:dyDescent="0.15">
      <c r="B89" s="203" t="s">
        <v>207</v>
      </c>
      <c r="C89" s="203"/>
      <c r="D89" s="203"/>
      <c r="E89" s="203"/>
      <c r="F89" s="203"/>
      <c r="G89" s="76" t="s">
        <v>0</v>
      </c>
      <c r="H89" s="100" t="s">
        <v>206</v>
      </c>
      <c r="I89" s="100"/>
      <c r="J89" s="100"/>
      <c r="K89" s="100"/>
      <c r="L89" s="69" t="s">
        <v>0</v>
      </c>
      <c r="M89" s="100" t="s">
        <v>205</v>
      </c>
      <c r="N89" s="100"/>
      <c r="O89" s="100"/>
      <c r="P89" s="100"/>
      <c r="Q89" s="69" t="s">
        <v>0</v>
      </c>
      <c r="R89" s="100" t="s">
        <v>204</v>
      </c>
      <c r="S89" s="100"/>
      <c r="T89" s="100"/>
      <c r="U89" s="100"/>
      <c r="V89" s="100"/>
      <c r="W89" s="72"/>
      <c r="X89" s="72"/>
      <c r="Y89" s="73"/>
    </row>
    <row r="90" spans="2:28" ht="20.100000000000001" customHeight="1" x14ac:dyDescent="0.15">
      <c r="B90" s="204" t="s">
        <v>203</v>
      </c>
      <c r="C90" s="205"/>
      <c r="D90" s="205"/>
      <c r="E90" s="205"/>
      <c r="F90" s="206"/>
      <c r="G90" s="80" t="s">
        <v>0</v>
      </c>
      <c r="H90" s="94" t="s">
        <v>202</v>
      </c>
      <c r="I90" s="84"/>
      <c r="J90" s="84"/>
      <c r="K90" s="84"/>
      <c r="L90" s="84"/>
      <c r="M90" s="84"/>
      <c r="N90" s="84"/>
      <c r="O90" s="84"/>
      <c r="P90" s="84"/>
      <c r="Q90" s="84"/>
      <c r="R90" s="84"/>
      <c r="S90" s="84"/>
      <c r="T90" s="84"/>
      <c r="U90" s="84"/>
      <c r="V90" s="84"/>
      <c r="W90" s="84"/>
      <c r="X90" s="84"/>
      <c r="Y90" s="85"/>
    </row>
    <row r="91" spans="2:28" ht="20.100000000000001" customHeight="1" x14ac:dyDescent="0.15">
      <c r="B91" s="207"/>
      <c r="C91" s="208"/>
      <c r="D91" s="208"/>
      <c r="E91" s="208"/>
      <c r="F91" s="209"/>
      <c r="G91" s="69" t="s">
        <v>0</v>
      </c>
      <c r="H91" s="74" t="s">
        <v>201</v>
      </c>
      <c r="I91" s="67"/>
      <c r="J91" s="67"/>
      <c r="K91" s="67"/>
      <c r="L91" s="67"/>
      <c r="M91" s="67"/>
      <c r="N91" s="67"/>
      <c r="O91" s="67"/>
      <c r="P91" s="67"/>
      <c r="Q91" s="67"/>
      <c r="R91" s="67"/>
      <c r="S91" s="67"/>
      <c r="T91" s="67"/>
      <c r="U91" s="67"/>
      <c r="V91" s="67"/>
      <c r="W91" s="67"/>
      <c r="X91" s="67"/>
      <c r="Y91" s="68"/>
    </row>
    <row r="92" spans="2:28" ht="20.100000000000001" customHeight="1" x14ac:dyDescent="0.15">
      <c r="B92" s="210"/>
      <c r="C92" s="211"/>
      <c r="D92" s="211"/>
      <c r="E92" s="211"/>
      <c r="F92" s="212"/>
      <c r="G92" s="87" t="s">
        <v>0</v>
      </c>
      <c r="H92" s="97" t="s">
        <v>200</v>
      </c>
      <c r="I92" s="88"/>
      <c r="J92" s="88"/>
      <c r="K92" s="88"/>
      <c r="L92" s="88"/>
      <c r="M92" s="88"/>
      <c r="N92" s="88"/>
      <c r="O92" s="88"/>
      <c r="P92" s="88"/>
      <c r="Q92" s="88"/>
      <c r="R92" s="88"/>
      <c r="S92" s="88"/>
      <c r="T92" s="88"/>
      <c r="U92" s="88"/>
      <c r="V92" s="88"/>
      <c r="W92" s="88"/>
      <c r="X92" s="88"/>
      <c r="Y92" s="89"/>
    </row>
    <row r="94" spans="2:28" x14ac:dyDescent="0.15">
      <c r="B94" s="93"/>
      <c r="C94" s="94"/>
      <c r="D94" s="94"/>
      <c r="E94" s="94"/>
      <c r="F94" s="94"/>
      <c r="G94" s="94"/>
      <c r="H94" s="94"/>
      <c r="I94" s="94"/>
      <c r="J94" s="94"/>
      <c r="K94" s="94"/>
      <c r="L94" s="94"/>
      <c r="M94" s="94"/>
      <c r="N94" s="94"/>
      <c r="O94" s="94"/>
      <c r="P94" s="94"/>
      <c r="Q94" s="94"/>
      <c r="R94" s="94"/>
      <c r="S94" s="94"/>
      <c r="T94" s="95"/>
      <c r="U94" s="94"/>
      <c r="V94" s="94"/>
      <c r="W94" s="94"/>
      <c r="X94" s="94"/>
      <c r="Y94" s="95"/>
      <c r="Z94"/>
      <c r="AA94"/>
      <c r="AB94"/>
    </row>
    <row r="95" spans="2:28" x14ac:dyDescent="0.15">
      <c r="B95" s="3" t="s">
        <v>199</v>
      </c>
      <c r="T95" s="75"/>
      <c r="V95" s="28" t="s">
        <v>20</v>
      </c>
      <c r="W95" s="28" t="s">
        <v>192</v>
      </c>
      <c r="X95" s="28" t="s">
        <v>21</v>
      </c>
      <c r="Y95" s="75"/>
      <c r="Z95"/>
      <c r="AA95"/>
      <c r="AB95"/>
    </row>
    <row r="96" spans="2:28" x14ac:dyDescent="0.15">
      <c r="B96" s="3"/>
      <c r="T96" s="75"/>
      <c r="Y96" s="75"/>
      <c r="Z96"/>
      <c r="AA96"/>
      <c r="AB96"/>
    </row>
    <row r="97" spans="2:28" ht="17.25" customHeight="1" x14ac:dyDescent="0.15">
      <c r="B97" s="3"/>
      <c r="C97" s="74" t="s">
        <v>198</v>
      </c>
      <c r="T97" s="75"/>
      <c r="V97" s="69" t="s">
        <v>0</v>
      </c>
      <c r="W97" s="69" t="s">
        <v>195</v>
      </c>
      <c r="X97" s="69" t="s">
        <v>0</v>
      </c>
      <c r="Y97" s="2"/>
    </row>
    <row r="98" spans="2:28" x14ac:dyDescent="0.15">
      <c r="B98" s="3"/>
      <c r="T98" s="75"/>
      <c r="V98" s="69"/>
      <c r="W98" s="69"/>
      <c r="X98" s="69"/>
      <c r="Y98" s="82"/>
    </row>
    <row r="99" spans="2:28" ht="17.25" customHeight="1" x14ac:dyDescent="0.15">
      <c r="B99" s="3"/>
      <c r="C99" s="74" t="s">
        <v>197</v>
      </c>
      <c r="T99" s="75"/>
      <c r="V99" s="69" t="s">
        <v>0</v>
      </c>
      <c r="W99" s="69" t="s">
        <v>195</v>
      </c>
      <c r="X99" s="69" t="s">
        <v>0</v>
      </c>
      <c r="Y99" s="2"/>
    </row>
    <row r="100" spans="2:28" x14ac:dyDescent="0.15">
      <c r="B100" s="3"/>
      <c r="T100" s="75"/>
      <c r="V100" s="69"/>
      <c r="W100" s="69"/>
      <c r="X100" s="69"/>
      <c r="Y100" s="82"/>
    </row>
    <row r="101" spans="2:28" ht="17.25" customHeight="1" x14ac:dyDescent="0.15">
      <c r="B101" s="3"/>
      <c r="C101" s="74" t="s">
        <v>196</v>
      </c>
      <c r="T101" s="75"/>
      <c r="V101" s="69" t="s">
        <v>0</v>
      </c>
      <c r="W101" s="69" t="s">
        <v>195</v>
      </c>
      <c r="X101" s="69" t="s">
        <v>0</v>
      </c>
      <c r="Y101" s="2"/>
    </row>
    <row r="102" spans="2:28" ht="7.5" customHeight="1" x14ac:dyDescent="0.15">
      <c r="B102" s="3"/>
      <c r="T102" s="75"/>
      <c r="V102" s="4"/>
      <c r="W102" s="4"/>
      <c r="X102" s="4"/>
      <c r="Y102" s="2"/>
    </row>
    <row r="103" spans="2:28" x14ac:dyDescent="0.15">
      <c r="B103" s="3"/>
      <c r="C103" s="74" t="s">
        <v>194</v>
      </c>
      <c r="T103" s="75"/>
      <c r="V103" s="4"/>
      <c r="W103" s="4"/>
      <c r="X103" s="4"/>
      <c r="Y103" s="2"/>
    </row>
    <row r="104" spans="2:28" x14ac:dyDescent="0.15">
      <c r="B104" s="96"/>
      <c r="C104" s="97"/>
      <c r="D104" s="97"/>
      <c r="E104" s="97"/>
      <c r="F104" s="97"/>
      <c r="G104" s="97"/>
      <c r="H104" s="97"/>
      <c r="I104" s="97"/>
      <c r="J104" s="97"/>
      <c r="K104" s="97"/>
      <c r="L104" s="97"/>
      <c r="M104" s="97"/>
      <c r="N104" s="97"/>
      <c r="O104" s="97"/>
      <c r="P104" s="97"/>
      <c r="Q104" s="97"/>
      <c r="R104" s="97"/>
      <c r="S104" s="97"/>
      <c r="T104" s="98"/>
      <c r="U104" s="97"/>
      <c r="V104" s="97"/>
      <c r="W104" s="97"/>
      <c r="X104" s="97"/>
      <c r="Y104" s="98"/>
    </row>
    <row r="106" spans="2:28" x14ac:dyDescent="0.15">
      <c r="B106" s="93"/>
      <c r="C106" s="94"/>
      <c r="D106" s="94"/>
      <c r="E106" s="94"/>
      <c r="F106" s="94"/>
      <c r="G106" s="94"/>
      <c r="H106" s="94"/>
      <c r="I106" s="94"/>
      <c r="J106" s="94"/>
      <c r="K106" s="94"/>
      <c r="L106" s="94"/>
      <c r="M106" s="94"/>
      <c r="N106" s="94"/>
      <c r="O106" s="94"/>
      <c r="P106" s="94"/>
      <c r="Q106" s="94"/>
      <c r="R106" s="94"/>
      <c r="S106" s="94"/>
      <c r="T106" s="95"/>
      <c r="U106" s="94"/>
      <c r="V106" s="94"/>
      <c r="W106" s="94"/>
      <c r="X106" s="94"/>
      <c r="Y106" s="95"/>
      <c r="Z106"/>
      <c r="AA106"/>
      <c r="AB106"/>
    </row>
    <row r="107" spans="2:28" x14ac:dyDescent="0.15">
      <c r="B107" s="3" t="s">
        <v>193</v>
      </c>
      <c r="T107" s="75"/>
      <c r="V107" s="28" t="s">
        <v>20</v>
      </c>
      <c r="W107" s="28" t="s">
        <v>192</v>
      </c>
      <c r="X107" s="28" t="s">
        <v>21</v>
      </c>
      <c r="Y107" s="75"/>
      <c r="Z107"/>
      <c r="AA107"/>
      <c r="AB107"/>
    </row>
    <row r="108" spans="2:28" x14ac:dyDescent="0.15">
      <c r="B108" s="3"/>
      <c r="T108" s="75"/>
      <c r="Y108" s="75"/>
      <c r="Z108"/>
      <c r="AA108"/>
      <c r="AB108"/>
    </row>
    <row r="109" spans="2:28" ht="17.25" customHeight="1" x14ac:dyDescent="0.15">
      <c r="B109" s="3"/>
      <c r="C109" s="74" t="s">
        <v>191</v>
      </c>
      <c r="T109" s="75"/>
      <c r="V109" s="69" t="s">
        <v>0</v>
      </c>
      <c r="W109" s="69" t="s">
        <v>190</v>
      </c>
      <c r="X109" s="69" t="s">
        <v>0</v>
      </c>
      <c r="Y109" s="2"/>
    </row>
    <row r="110" spans="2:28" x14ac:dyDescent="0.15">
      <c r="B110" s="3"/>
      <c r="T110" s="75"/>
      <c r="V110" s="69"/>
      <c r="W110" s="69"/>
      <c r="X110" s="69"/>
      <c r="Y110" s="82"/>
    </row>
    <row r="111" spans="2:28" ht="13.5" customHeight="1" x14ac:dyDescent="0.15">
      <c r="B111" s="3"/>
      <c r="C111" s="74" t="s">
        <v>189</v>
      </c>
      <c r="T111" s="75"/>
      <c r="V111" s="69" t="s">
        <v>0</v>
      </c>
      <c r="W111" s="69" t="s">
        <v>188</v>
      </c>
      <c r="X111" s="69" t="s">
        <v>0</v>
      </c>
      <c r="Y111" s="2"/>
    </row>
    <row r="112" spans="2:28" ht="7.5" customHeight="1" x14ac:dyDescent="0.15">
      <c r="B112" s="3"/>
      <c r="T112" s="75"/>
      <c r="V112" s="4"/>
      <c r="W112" s="4"/>
      <c r="X112" s="4"/>
      <c r="Y112" s="2"/>
    </row>
    <row r="113" spans="2:28" ht="17.25" customHeight="1" x14ac:dyDescent="0.15">
      <c r="B113" s="3"/>
      <c r="C113" s="74" t="s">
        <v>187</v>
      </c>
      <c r="T113" s="75"/>
      <c r="V113" s="4"/>
      <c r="W113" s="4"/>
      <c r="X113" s="4"/>
      <c r="Y113" s="2"/>
    </row>
    <row r="114" spans="2:28" x14ac:dyDescent="0.15">
      <c r="B114" s="96"/>
      <c r="C114" s="97"/>
      <c r="D114" s="97"/>
      <c r="E114" s="97"/>
      <c r="F114" s="97"/>
      <c r="G114" s="97"/>
      <c r="H114" s="97"/>
      <c r="I114" s="97"/>
      <c r="J114" s="97"/>
      <c r="K114" s="97"/>
      <c r="L114" s="97"/>
      <c r="M114" s="97"/>
      <c r="N114" s="97"/>
      <c r="O114" s="97"/>
      <c r="P114" s="97"/>
      <c r="Q114" s="97"/>
      <c r="R114" s="97"/>
      <c r="S114" s="97"/>
      <c r="T114" s="98"/>
      <c r="U114" s="97"/>
      <c r="V114" s="97"/>
      <c r="W114" s="97"/>
      <c r="X114" s="97"/>
      <c r="Y114" s="98"/>
    </row>
    <row r="117" spans="2:28" x14ac:dyDescent="0.15">
      <c r="K117"/>
      <c r="L117"/>
      <c r="M117"/>
      <c r="N117"/>
      <c r="O117"/>
      <c r="P117"/>
      <c r="Q117"/>
      <c r="R117"/>
      <c r="S117"/>
      <c r="T117"/>
      <c r="U117"/>
      <c r="V117"/>
      <c r="W117"/>
      <c r="X117"/>
      <c r="Y117"/>
      <c r="Z117"/>
      <c r="AA117"/>
      <c r="AB117"/>
    </row>
    <row r="122" spans="2:28" x14ac:dyDescent="0.15">
      <c r="C122" s="97"/>
      <c r="D122" s="97"/>
      <c r="E122" s="97"/>
      <c r="F122" s="97"/>
      <c r="G122" s="97"/>
    </row>
    <row r="123" spans="2:28" x14ac:dyDescent="0.15">
      <c r="C123" s="94"/>
    </row>
  </sheetData>
  <mergeCells count="61">
    <mergeCell ref="B12:F15"/>
    <mergeCell ref="B4:Y4"/>
    <mergeCell ref="B6:F6"/>
    <mergeCell ref="G6:Y6"/>
    <mergeCell ref="B7:F7"/>
    <mergeCell ref="B8:F11"/>
    <mergeCell ref="D28:H28"/>
    <mergeCell ref="I28:L28"/>
    <mergeCell ref="P28:Q28"/>
    <mergeCell ref="V28:W28"/>
    <mergeCell ref="K20:L20"/>
    <mergeCell ref="D22:H22"/>
    <mergeCell ref="I22:L22"/>
    <mergeCell ref="P22:Q22"/>
    <mergeCell ref="V22:W22"/>
    <mergeCell ref="D24:U25"/>
    <mergeCell ref="D23:H23"/>
    <mergeCell ref="I23:L23"/>
    <mergeCell ref="P23:Q23"/>
    <mergeCell ref="V23:W23"/>
    <mergeCell ref="D26:X26"/>
    <mergeCell ref="D27:H27"/>
    <mergeCell ref="I27:L27"/>
    <mergeCell ref="P27:Q27"/>
    <mergeCell ref="V27:W27"/>
    <mergeCell ref="D29:H29"/>
    <mergeCell ref="I29:L29"/>
    <mergeCell ref="P29:Q29"/>
    <mergeCell ref="V29:W29"/>
    <mergeCell ref="D30:H30"/>
    <mergeCell ref="I30:L30"/>
    <mergeCell ref="P30:Q30"/>
    <mergeCell ref="V30:W30"/>
    <mergeCell ref="D31:H31"/>
    <mergeCell ref="I31:L31"/>
    <mergeCell ref="P31:Q31"/>
    <mergeCell ref="V31:W31"/>
    <mergeCell ref="D35:X35"/>
    <mergeCell ref="V39:X39"/>
    <mergeCell ref="V41:X41"/>
    <mergeCell ref="E40:F40"/>
    <mergeCell ref="H40:I40"/>
    <mergeCell ref="K40:M40"/>
    <mergeCell ref="O40:P40"/>
    <mergeCell ref="R40:S40"/>
    <mergeCell ref="V40:X40"/>
    <mergeCell ref="E41:F41"/>
    <mergeCell ref="H41:I41"/>
    <mergeCell ref="E39:F39"/>
    <mergeCell ref="H39:I39"/>
    <mergeCell ref="K39:M39"/>
    <mergeCell ref="O39:P39"/>
    <mergeCell ref="R39:S39"/>
    <mergeCell ref="B89:F89"/>
    <mergeCell ref="B90:F92"/>
    <mergeCell ref="K41:M41"/>
    <mergeCell ref="O41:P41"/>
    <mergeCell ref="R41:S41"/>
    <mergeCell ref="B86:Y86"/>
    <mergeCell ref="B88:F88"/>
    <mergeCell ref="G88:Y88"/>
  </mergeCells>
  <phoneticPr fontId="3"/>
  <dataValidations count="1">
    <dataValidation type="list" allowBlank="1" showInputMessage="1" showErrorMessage="1" sqref="G7:G15 L7 Q7 V48 X48 V51:V52 X51:X52 V54:V55 X54:X55 V67 X67 V69 X69 V71 X71 V73 X73 V75 X75 X77 V77 V57:V59 X57:X59 V61 X61 L89 Q89 G89:G92 V97 X97 V99 X99 V101 X101 V109 X109 V111 X111">
      <formula1>"□,■"</formula1>
    </dataValidation>
  </dataValidations>
  <pageMargins left="0.7" right="0.7" top="0.75" bottom="0.75" header="0.3" footer="0.3"/>
  <pageSetup paperSize="9" scale="60" orientation="portrait" r:id="rId1"/>
  <rowBreaks count="1" manualBreakCount="1">
    <brk id="83" max="16383"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AB123"/>
  <sheetViews>
    <sheetView view="pageBreakPreview" zoomScale="90" zoomScaleNormal="100" zoomScaleSheetLayoutView="90" workbookViewId="0">
      <selection activeCell="B4" sqref="B4:Y4"/>
    </sheetView>
  </sheetViews>
  <sheetFormatPr defaultColWidth="4" defaultRowHeight="13.5" x14ac:dyDescent="0.15"/>
  <cols>
    <col min="1" max="1" width="1.5" style="29" customWidth="1"/>
    <col min="2" max="2" width="1.125" style="29" customWidth="1"/>
    <col min="3" max="3" width="3.375" style="29" customWidth="1"/>
    <col min="4" max="4" width="3.25" style="29" customWidth="1"/>
    <col min="5" max="18" width="4" style="29"/>
    <col min="19" max="19" width="6.375" style="29" customWidth="1"/>
    <col min="20" max="20" width="1.75" style="29" customWidth="1"/>
    <col min="21" max="21" width="2.375" style="29" customWidth="1"/>
    <col min="22" max="22" width="4" style="29"/>
    <col min="23" max="23" width="2.25" style="29" customWidth="1"/>
    <col min="24" max="24" width="4" style="29"/>
    <col min="25" max="25" width="2.375" style="29" customWidth="1"/>
    <col min="26" max="26" width="1.5" style="29" customWidth="1"/>
    <col min="27" max="16384" width="4" style="29"/>
  </cols>
  <sheetData>
    <row r="2" spans="2:28" x14ac:dyDescent="0.15">
      <c r="B2" s="29" t="s">
        <v>138</v>
      </c>
      <c r="C2"/>
      <c r="D2"/>
      <c r="E2"/>
      <c r="F2"/>
      <c r="G2"/>
      <c r="H2"/>
      <c r="I2"/>
      <c r="J2"/>
      <c r="K2"/>
      <c r="L2"/>
      <c r="M2"/>
      <c r="N2"/>
      <c r="O2"/>
      <c r="P2"/>
      <c r="Q2"/>
      <c r="R2"/>
      <c r="S2"/>
      <c r="T2"/>
      <c r="U2"/>
      <c r="V2"/>
      <c r="W2"/>
      <c r="X2"/>
      <c r="Y2"/>
    </row>
    <row r="4" spans="2:28" x14ac:dyDescent="0.15">
      <c r="B4" s="208" t="s">
        <v>139</v>
      </c>
      <c r="C4" s="208"/>
      <c r="D4" s="208"/>
      <c r="E4" s="208"/>
      <c r="F4" s="208"/>
      <c r="G4" s="208"/>
      <c r="H4" s="208"/>
      <c r="I4" s="208"/>
      <c r="J4" s="208"/>
      <c r="K4" s="208"/>
      <c r="L4" s="208"/>
      <c r="M4" s="208"/>
      <c r="N4" s="208"/>
      <c r="O4" s="208"/>
      <c r="P4" s="208"/>
      <c r="Q4" s="208"/>
      <c r="R4" s="208"/>
      <c r="S4" s="208"/>
      <c r="T4" s="208"/>
      <c r="U4" s="208"/>
      <c r="V4" s="208"/>
      <c r="W4" s="208"/>
      <c r="X4" s="208"/>
      <c r="Y4" s="208"/>
    </row>
    <row r="6" spans="2:28" ht="23.25" customHeight="1" x14ac:dyDescent="0.15">
      <c r="B6" s="203" t="s">
        <v>15</v>
      </c>
      <c r="C6" s="203"/>
      <c r="D6" s="203"/>
      <c r="E6" s="203"/>
      <c r="F6" s="203"/>
      <c r="G6" s="216"/>
      <c r="H6" s="217"/>
      <c r="I6" s="217"/>
      <c r="J6" s="217"/>
      <c r="K6" s="217"/>
      <c r="L6" s="217"/>
      <c r="M6" s="217"/>
      <c r="N6" s="217"/>
      <c r="O6" s="217"/>
      <c r="P6" s="217"/>
      <c r="Q6" s="217"/>
      <c r="R6" s="217"/>
      <c r="S6" s="217"/>
      <c r="T6" s="217"/>
      <c r="U6" s="217"/>
      <c r="V6" s="217"/>
      <c r="W6" s="217"/>
      <c r="X6" s="217"/>
      <c r="Y6" s="218"/>
    </row>
    <row r="7" spans="2:28" ht="22.5" customHeight="1" x14ac:dyDescent="0.15">
      <c r="B7" s="203" t="s">
        <v>16</v>
      </c>
      <c r="C7" s="203"/>
      <c r="D7" s="203"/>
      <c r="E7" s="203"/>
      <c r="F7" s="203"/>
      <c r="G7" s="13" t="s">
        <v>0</v>
      </c>
      <c r="H7" s="22" t="s">
        <v>17</v>
      </c>
      <c r="I7" s="22"/>
      <c r="J7" s="22"/>
      <c r="K7" s="22"/>
      <c r="L7" s="13" t="s">
        <v>0</v>
      </c>
      <c r="M7" s="22" t="s">
        <v>18</v>
      </c>
      <c r="N7" s="22"/>
      <c r="O7" s="22"/>
      <c r="P7" s="22"/>
      <c r="Q7" s="13" t="s">
        <v>0</v>
      </c>
      <c r="R7" s="22" t="s">
        <v>19</v>
      </c>
      <c r="S7" s="22"/>
      <c r="T7" s="22"/>
      <c r="U7" s="22"/>
      <c r="V7" s="22"/>
      <c r="W7" s="23"/>
      <c r="X7" s="23"/>
      <c r="Y7" s="24"/>
    </row>
    <row r="8" spans="2:28" ht="20.100000000000001" customHeight="1" x14ac:dyDescent="0.15">
      <c r="B8" s="204" t="s">
        <v>140</v>
      </c>
      <c r="C8" s="205"/>
      <c r="D8" s="205"/>
      <c r="E8" s="205"/>
      <c r="F8" s="206"/>
      <c r="G8" s="12" t="s">
        <v>0</v>
      </c>
      <c r="H8" s="226" t="s">
        <v>141</v>
      </c>
      <c r="I8" s="226"/>
      <c r="J8" s="226"/>
      <c r="K8" s="226"/>
      <c r="L8" s="226"/>
      <c r="M8" s="226"/>
      <c r="N8" s="226"/>
      <c r="O8" s="226"/>
      <c r="P8" s="226"/>
      <c r="Q8" s="226"/>
      <c r="R8" s="226"/>
      <c r="S8" s="226"/>
      <c r="T8" s="226"/>
      <c r="U8" s="226"/>
      <c r="V8" s="226"/>
      <c r="W8" s="226"/>
      <c r="X8" s="226"/>
      <c r="Y8" s="227"/>
    </row>
    <row r="9" spans="2:28" ht="20.100000000000001" customHeight="1" x14ac:dyDescent="0.15">
      <c r="B9" s="207"/>
      <c r="C9" s="208"/>
      <c r="D9" s="208"/>
      <c r="E9" s="208"/>
      <c r="F9" s="209"/>
      <c r="G9" s="12" t="s">
        <v>0</v>
      </c>
      <c r="H9" s="249" t="s">
        <v>142</v>
      </c>
      <c r="I9" s="249"/>
      <c r="J9" s="249"/>
      <c r="K9" s="249"/>
      <c r="L9" s="249"/>
      <c r="M9" s="249"/>
      <c r="N9" s="249"/>
      <c r="O9" s="249"/>
      <c r="P9" s="249"/>
      <c r="Q9" s="249"/>
      <c r="R9" s="249"/>
      <c r="S9" s="249"/>
      <c r="T9" s="249"/>
      <c r="U9" s="249"/>
      <c r="V9" s="249"/>
      <c r="W9" s="249"/>
      <c r="X9" s="249"/>
      <c r="Y9" s="250"/>
    </row>
    <row r="10" spans="2:28" ht="20.100000000000001" customHeight="1" x14ac:dyDescent="0.15">
      <c r="B10" s="210"/>
      <c r="C10" s="211"/>
      <c r="D10" s="211"/>
      <c r="E10" s="211"/>
      <c r="F10" s="212"/>
      <c r="G10" s="10" t="s">
        <v>0</v>
      </c>
      <c r="H10" s="229" t="s">
        <v>143</v>
      </c>
      <c r="I10" s="229"/>
      <c r="J10" s="229"/>
      <c r="K10" s="229"/>
      <c r="L10" s="229"/>
      <c r="M10" s="229"/>
      <c r="N10" s="229"/>
      <c r="O10" s="229"/>
      <c r="P10" s="229"/>
      <c r="Q10" s="229"/>
      <c r="R10" s="229"/>
      <c r="S10" s="229"/>
      <c r="T10" s="229"/>
      <c r="U10" s="229"/>
      <c r="V10" s="229"/>
      <c r="W10" s="229"/>
      <c r="X10" s="229"/>
      <c r="Y10" s="230"/>
    </row>
    <row r="11" spans="2:28" ht="17.25" customHeight="1" x14ac:dyDescent="0.15">
      <c r="B11" s="204" t="s">
        <v>26</v>
      </c>
      <c r="C11" s="205"/>
      <c r="D11" s="205"/>
      <c r="E11" s="205"/>
      <c r="F11" s="206"/>
      <c r="G11" s="31" t="s">
        <v>0</v>
      </c>
      <c r="H11" s="226" t="s">
        <v>144</v>
      </c>
      <c r="I11" s="226"/>
      <c r="J11" s="226"/>
      <c r="K11" s="226"/>
      <c r="L11" s="226"/>
      <c r="M11" s="226"/>
      <c r="N11" s="226"/>
      <c r="O11" s="226"/>
      <c r="P11" s="226"/>
      <c r="Q11" s="226"/>
      <c r="R11" s="226"/>
      <c r="S11" s="226"/>
      <c r="T11" s="226"/>
      <c r="U11" s="226"/>
      <c r="V11" s="226"/>
      <c r="W11" s="226"/>
      <c r="X11" s="226"/>
      <c r="Y11" s="227"/>
    </row>
    <row r="12" spans="2:28" ht="18.75" customHeight="1" x14ac:dyDescent="0.15">
      <c r="B12" s="210"/>
      <c r="C12" s="211"/>
      <c r="D12" s="211"/>
      <c r="E12" s="211"/>
      <c r="F12" s="212"/>
      <c r="G12" s="10" t="s">
        <v>0</v>
      </c>
      <c r="H12" s="229" t="s">
        <v>145</v>
      </c>
      <c r="I12" s="229"/>
      <c r="J12" s="229"/>
      <c r="K12" s="229"/>
      <c r="L12" s="229"/>
      <c r="M12" s="229"/>
      <c r="N12" s="229"/>
      <c r="O12" s="229"/>
      <c r="P12" s="229"/>
      <c r="Q12" s="229"/>
      <c r="R12" s="229"/>
      <c r="S12" s="229"/>
      <c r="T12" s="229"/>
      <c r="U12" s="229"/>
      <c r="V12" s="229"/>
      <c r="W12" s="229"/>
      <c r="X12" s="229"/>
      <c r="Y12" s="230"/>
    </row>
    <row r="13" spans="2:28" ht="6" customHeight="1" x14ac:dyDescent="0.15"/>
    <row r="14" spans="2:28" x14ac:dyDescent="0.15">
      <c r="B14" s="29" t="s">
        <v>146</v>
      </c>
    </row>
    <row r="15" spans="2:28" x14ac:dyDescent="0.15">
      <c r="B15" s="25"/>
      <c r="C15" s="26" t="s">
        <v>147</v>
      </c>
      <c r="D15" s="26"/>
      <c r="E15" s="26"/>
      <c r="F15" s="26"/>
      <c r="G15" s="26"/>
      <c r="H15" s="26"/>
      <c r="I15" s="26"/>
      <c r="J15" s="26"/>
      <c r="K15" s="26"/>
      <c r="L15" s="26"/>
      <c r="M15" s="26"/>
      <c r="N15" s="26"/>
      <c r="O15" s="26"/>
      <c r="P15" s="26"/>
      <c r="Q15" s="26"/>
      <c r="R15" s="26"/>
      <c r="S15" s="26"/>
      <c r="T15" s="27"/>
      <c r="U15" s="25"/>
      <c r="V15" s="130" t="s">
        <v>20</v>
      </c>
      <c r="W15" s="130" t="s">
        <v>99</v>
      </c>
      <c r="X15" s="130" t="s">
        <v>21</v>
      </c>
      <c r="Y15" s="27"/>
      <c r="Z15"/>
      <c r="AA15"/>
      <c r="AB15"/>
    </row>
    <row r="16" spans="2:28" ht="6.75" customHeight="1" x14ac:dyDescent="0.15">
      <c r="B16" s="3"/>
      <c r="C16" s="6"/>
      <c r="D16" s="6"/>
      <c r="E16" s="6"/>
      <c r="F16" s="6"/>
      <c r="G16" s="6"/>
      <c r="H16" s="6"/>
      <c r="I16" s="6"/>
      <c r="J16" s="6"/>
      <c r="K16" s="6"/>
      <c r="L16" s="6"/>
      <c r="M16" s="6"/>
      <c r="N16" s="6"/>
      <c r="O16" s="6"/>
      <c r="P16" s="6"/>
      <c r="Q16" s="6"/>
      <c r="R16" s="6"/>
      <c r="S16" s="6"/>
      <c r="T16" s="30"/>
      <c r="U16" s="3"/>
      <c r="V16" s="28"/>
      <c r="W16" s="28"/>
      <c r="X16" s="28"/>
      <c r="Y16" s="30"/>
      <c r="Z16"/>
      <c r="AA16"/>
      <c r="AB16"/>
    </row>
    <row r="17" spans="2:28" ht="38.25" customHeight="1" x14ac:dyDescent="0.15">
      <c r="B17" s="3"/>
      <c r="C17" s="131" t="s">
        <v>148</v>
      </c>
      <c r="D17" s="251" t="s">
        <v>149</v>
      </c>
      <c r="E17" s="251"/>
      <c r="F17" s="251"/>
      <c r="G17" s="251"/>
      <c r="H17" s="251"/>
      <c r="I17" s="251"/>
      <c r="J17" s="251"/>
      <c r="K17" s="251"/>
      <c r="L17" s="251"/>
      <c r="M17" s="251"/>
      <c r="N17" s="251"/>
      <c r="O17" s="251"/>
      <c r="P17" s="251"/>
      <c r="Q17" s="251"/>
      <c r="R17" s="251"/>
      <c r="S17" s="252"/>
      <c r="T17" s="30"/>
      <c r="U17" s="3"/>
      <c r="V17" s="12" t="s">
        <v>0</v>
      </c>
      <c r="W17" s="12" t="s">
        <v>100</v>
      </c>
      <c r="X17" s="12" t="s">
        <v>0</v>
      </c>
      <c r="Y17" s="2"/>
    </row>
    <row r="18" spans="2:28" ht="35.25" customHeight="1" x14ac:dyDescent="0.15">
      <c r="B18" s="3"/>
      <c r="C18" s="131" t="s">
        <v>150</v>
      </c>
      <c r="D18" s="251" t="s">
        <v>151</v>
      </c>
      <c r="E18" s="251"/>
      <c r="F18" s="251"/>
      <c r="G18" s="251"/>
      <c r="H18" s="251"/>
      <c r="I18" s="251"/>
      <c r="J18" s="251"/>
      <c r="K18" s="251"/>
      <c r="L18" s="251"/>
      <c r="M18" s="251"/>
      <c r="N18" s="251"/>
      <c r="O18" s="251"/>
      <c r="P18" s="251"/>
      <c r="Q18" s="251"/>
      <c r="R18" s="251"/>
      <c r="S18" s="252"/>
      <c r="T18" s="30"/>
      <c r="U18" s="3"/>
      <c r="V18" s="12" t="s">
        <v>0</v>
      </c>
      <c r="W18" s="12" t="s">
        <v>100</v>
      </c>
      <c r="X18" s="12" t="s">
        <v>0</v>
      </c>
      <c r="Y18" s="2"/>
    </row>
    <row r="19" spans="2:28" ht="30.75" customHeight="1" x14ac:dyDescent="0.15">
      <c r="B19" s="3"/>
      <c r="C19" s="131" t="s">
        <v>152</v>
      </c>
      <c r="D19" s="247" t="s">
        <v>153</v>
      </c>
      <c r="E19" s="247"/>
      <c r="F19" s="247"/>
      <c r="G19" s="247"/>
      <c r="H19" s="247"/>
      <c r="I19" s="247"/>
      <c r="J19" s="247"/>
      <c r="K19" s="247"/>
      <c r="L19" s="247"/>
      <c r="M19" s="247"/>
      <c r="N19" s="247"/>
      <c r="O19" s="247"/>
      <c r="P19" s="247"/>
      <c r="Q19" s="247"/>
      <c r="R19" s="247"/>
      <c r="S19" s="248"/>
      <c r="T19" s="30"/>
      <c r="U19" s="3"/>
      <c r="V19" s="12" t="s">
        <v>0</v>
      </c>
      <c r="W19" s="12" t="s">
        <v>100</v>
      </c>
      <c r="X19" s="12" t="s">
        <v>0</v>
      </c>
      <c r="Y19" s="2"/>
    </row>
    <row r="20" spans="2:28" ht="25.5" customHeight="1" x14ac:dyDescent="0.15">
      <c r="B20" s="3"/>
      <c r="C20" s="131" t="s">
        <v>154</v>
      </c>
      <c r="D20" s="251" t="s">
        <v>155</v>
      </c>
      <c r="E20" s="251"/>
      <c r="F20" s="251"/>
      <c r="G20" s="251"/>
      <c r="H20" s="251"/>
      <c r="I20" s="251"/>
      <c r="J20" s="251"/>
      <c r="K20" s="251"/>
      <c r="L20" s="251"/>
      <c r="M20" s="251"/>
      <c r="N20" s="251"/>
      <c r="O20" s="251"/>
      <c r="P20" s="251"/>
      <c r="Q20" s="251"/>
      <c r="R20" s="251"/>
      <c r="S20" s="252"/>
      <c r="T20" s="30"/>
      <c r="U20" s="3"/>
      <c r="V20" s="12" t="s">
        <v>0</v>
      </c>
      <c r="W20" s="12" t="s">
        <v>100</v>
      </c>
      <c r="X20" s="12" t="s">
        <v>0</v>
      </c>
      <c r="Y20" s="2"/>
    </row>
    <row r="21" spans="2:28" ht="27.75" customHeight="1" x14ac:dyDescent="0.15">
      <c r="B21" s="3"/>
      <c r="C21" s="253" t="s">
        <v>156</v>
      </c>
      <c r="D21" s="256" t="s">
        <v>157</v>
      </c>
      <c r="E21" s="257"/>
      <c r="F21" s="251" t="s">
        <v>158</v>
      </c>
      <c r="G21" s="251"/>
      <c r="H21" s="251"/>
      <c r="I21" s="251"/>
      <c r="J21" s="251"/>
      <c r="K21" s="251"/>
      <c r="L21" s="251"/>
      <c r="M21" s="251"/>
      <c r="N21" s="251"/>
      <c r="O21" s="251"/>
      <c r="P21" s="251"/>
      <c r="Q21" s="251"/>
      <c r="R21" s="251"/>
      <c r="S21" s="252"/>
      <c r="T21" s="30"/>
      <c r="U21" s="3"/>
      <c r="V21" s="12" t="s">
        <v>0</v>
      </c>
      <c r="W21" s="12" t="s">
        <v>22</v>
      </c>
      <c r="X21" s="12" t="s">
        <v>0</v>
      </c>
      <c r="Y21" s="2"/>
    </row>
    <row r="22" spans="2:28" ht="27.75" customHeight="1" x14ac:dyDescent="0.15">
      <c r="B22" s="3"/>
      <c r="C22" s="254"/>
      <c r="D22" s="258"/>
      <c r="E22" s="259"/>
      <c r="F22" s="251" t="s">
        <v>159</v>
      </c>
      <c r="G22" s="251"/>
      <c r="H22" s="251"/>
      <c r="I22" s="251"/>
      <c r="J22" s="251"/>
      <c r="K22" s="251"/>
      <c r="L22" s="251"/>
      <c r="M22" s="251"/>
      <c r="N22" s="251"/>
      <c r="O22" s="251"/>
      <c r="P22" s="251"/>
      <c r="Q22" s="251"/>
      <c r="R22" s="251"/>
      <c r="S22" s="252"/>
      <c r="T22" s="30"/>
      <c r="U22" s="3"/>
      <c r="V22" s="12"/>
      <c r="W22" s="12"/>
      <c r="X22" s="12"/>
      <c r="Y22" s="2"/>
    </row>
    <row r="23" spans="2:28" ht="27" customHeight="1" x14ac:dyDescent="0.15">
      <c r="B23" s="3"/>
      <c r="C23" s="254"/>
      <c r="D23" s="258"/>
      <c r="E23" s="259"/>
      <c r="F23" s="251" t="s">
        <v>160</v>
      </c>
      <c r="G23" s="251"/>
      <c r="H23" s="251"/>
      <c r="I23" s="251"/>
      <c r="J23" s="251"/>
      <c r="K23" s="251"/>
      <c r="L23" s="251"/>
      <c r="M23" s="251"/>
      <c r="N23" s="251"/>
      <c r="O23" s="251"/>
      <c r="P23" s="251"/>
      <c r="Q23" s="251"/>
      <c r="R23" s="251"/>
      <c r="S23" s="252"/>
      <c r="T23" s="30"/>
      <c r="U23" s="3"/>
      <c r="V23" s="12"/>
      <c r="W23" s="12"/>
      <c r="X23" s="12"/>
      <c r="Y23" s="2"/>
    </row>
    <row r="24" spans="2:28" ht="27.75" customHeight="1" x14ac:dyDescent="0.15">
      <c r="B24" s="3"/>
      <c r="C24" s="255"/>
      <c r="D24" s="260"/>
      <c r="E24" s="261"/>
      <c r="F24" s="251" t="s">
        <v>161</v>
      </c>
      <c r="G24" s="251"/>
      <c r="H24" s="251"/>
      <c r="I24" s="251"/>
      <c r="J24" s="251"/>
      <c r="K24" s="251"/>
      <c r="L24" s="251"/>
      <c r="M24" s="251"/>
      <c r="N24" s="251"/>
      <c r="O24" s="251"/>
      <c r="P24" s="251"/>
      <c r="Q24" s="251"/>
      <c r="R24" s="251"/>
      <c r="S24" s="252"/>
      <c r="T24" s="30"/>
      <c r="U24" s="3"/>
      <c r="V24" s="12"/>
      <c r="W24" s="12"/>
      <c r="X24" s="12"/>
      <c r="Y24" s="2"/>
    </row>
    <row r="25" spans="2:28" ht="6" customHeight="1" x14ac:dyDescent="0.15">
      <c r="B25" s="3"/>
      <c r="C25" s="132"/>
      <c r="D25" s="12"/>
      <c r="E25" s="132"/>
      <c r="G25" s="132"/>
      <c r="H25" s="132"/>
      <c r="I25" s="132"/>
      <c r="J25" s="132"/>
      <c r="K25" s="132"/>
      <c r="L25" s="132"/>
      <c r="M25" s="132"/>
      <c r="N25" s="132"/>
      <c r="O25" s="132"/>
      <c r="P25" s="132"/>
      <c r="Q25" s="132"/>
      <c r="R25" s="132"/>
      <c r="S25" s="132"/>
      <c r="T25" s="30"/>
      <c r="U25" s="3"/>
      <c r="V25" s="34"/>
      <c r="W25" s="12"/>
      <c r="X25" s="34"/>
      <c r="Y25" s="2"/>
    </row>
    <row r="26" spans="2:28" x14ac:dyDescent="0.15">
      <c r="B26" s="3"/>
      <c r="C26" s="29" t="s">
        <v>162</v>
      </c>
      <c r="T26" s="30"/>
      <c r="U26" s="3"/>
      <c r="Y26" s="30"/>
      <c r="Z26"/>
      <c r="AA26"/>
      <c r="AB26"/>
    </row>
    <row r="27" spans="2:28" ht="5.25" customHeight="1" x14ac:dyDescent="0.15">
      <c r="B27" s="3"/>
      <c r="T27" s="30"/>
      <c r="U27" s="3"/>
      <c r="Y27" s="30"/>
      <c r="Z27"/>
      <c r="AA27"/>
      <c r="AB27"/>
    </row>
    <row r="28" spans="2:28" ht="35.25" customHeight="1" x14ac:dyDescent="0.15">
      <c r="B28" s="3"/>
      <c r="C28" s="131" t="s">
        <v>163</v>
      </c>
      <c r="D28" s="251" t="s">
        <v>164</v>
      </c>
      <c r="E28" s="251"/>
      <c r="F28" s="251"/>
      <c r="G28" s="251"/>
      <c r="H28" s="251"/>
      <c r="I28" s="251"/>
      <c r="J28" s="251"/>
      <c r="K28" s="251"/>
      <c r="L28" s="251"/>
      <c r="M28" s="251"/>
      <c r="N28" s="251"/>
      <c r="O28" s="251"/>
      <c r="P28" s="251"/>
      <c r="Q28" s="251"/>
      <c r="R28" s="251"/>
      <c r="S28" s="252"/>
      <c r="T28" s="30"/>
      <c r="U28" s="3"/>
      <c r="V28" s="12" t="s">
        <v>0</v>
      </c>
      <c r="W28" s="12" t="s">
        <v>100</v>
      </c>
      <c r="X28" s="12" t="s">
        <v>0</v>
      </c>
      <c r="Y28" s="2"/>
    </row>
    <row r="29" spans="2:28" ht="25.5" customHeight="1" x14ac:dyDescent="0.15">
      <c r="B29" s="3"/>
      <c r="C29" s="131" t="s">
        <v>150</v>
      </c>
      <c r="D29" s="251" t="s">
        <v>165</v>
      </c>
      <c r="E29" s="251"/>
      <c r="F29" s="251"/>
      <c r="G29" s="251"/>
      <c r="H29" s="251"/>
      <c r="I29" s="251"/>
      <c r="J29" s="251"/>
      <c r="K29" s="251"/>
      <c r="L29" s="251"/>
      <c r="M29" s="251"/>
      <c r="N29" s="251"/>
      <c r="O29" s="251"/>
      <c r="P29" s="251"/>
      <c r="Q29" s="251"/>
      <c r="R29" s="251"/>
      <c r="S29" s="252"/>
      <c r="T29" s="30"/>
      <c r="U29" s="3"/>
      <c r="V29" s="12" t="s">
        <v>0</v>
      </c>
      <c r="W29" s="12" t="s">
        <v>100</v>
      </c>
      <c r="X29" s="12" t="s">
        <v>0</v>
      </c>
      <c r="Y29" s="2"/>
    </row>
    <row r="30" spans="2:28" ht="22.5" customHeight="1" x14ac:dyDescent="0.15">
      <c r="B30" s="3"/>
      <c r="C30" s="131" t="s">
        <v>166</v>
      </c>
      <c r="D30" s="247" t="s">
        <v>153</v>
      </c>
      <c r="E30" s="247"/>
      <c r="F30" s="247"/>
      <c r="G30" s="247"/>
      <c r="H30" s="247"/>
      <c r="I30" s="247"/>
      <c r="J30" s="247"/>
      <c r="K30" s="247"/>
      <c r="L30" s="247"/>
      <c r="M30" s="247"/>
      <c r="N30" s="247"/>
      <c r="O30" s="247"/>
      <c r="P30" s="247"/>
      <c r="Q30" s="247"/>
      <c r="R30" s="247"/>
      <c r="S30" s="248"/>
      <c r="T30" s="30"/>
      <c r="U30" s="3"/>
      <c r="V30" s="12" t="s">
        <v>0</v>
      </c>
      <c r="W30" s="12" t="s">
        <v>100</v>
      </c>
      <c r="X30" s="12" t="s">
        <v>0</v>
      </c>
      <c r="Y30" s="2"/>
    </row>
    <row r="31" spans="2:28" ht="24" customHeight="1" x14ac:dyDescent="0.15">
      <c r="B31" s="3"/>
      <c r="C31" s="131" t="s">
        <v>154</v>
      </c>
      <c r="D31" s="251" t="s">
        <v>167</v>
      </c>
      <c r="E31" s="251"/>
      <c r="F31" s="251"/>
      <c r="G31" s="251"/>
      <c r="H31" s="251"/>
      <c r="I31" s="251"/>
      <c r="J31" s="251"/>
      <c r="K31" s="251"/>
      <c r="L31" s="251"/>
      <c r="M31" s="251"/>
      <c r="N31" s="251"/>
      <c r="O31" s="251"/>
      <c r="P31" s="251"/>
      <c r="Q31" s="251"/>
      <c r="R31" s="251"/>
      <c r="S31" s="252"/>
      <c r="T31" s="30"/>
      <c r="U31" s="3"/>
      <c r="V31" s="12" t="s">
        <v>0</v>
      </c>
      <c r="W31" s="12" t="s">
        <v>100</v>
      </c>
      <c r="X31" s="12" t="s">
        <v>0</v>
      </c>
      <c r="Y31" s="2"/>
    </row>
    <row r="32" spans="2:28" ht="24" customHeight="1" x14ac:dyDescent="0.15">
      <c r="B32" s="3"/>
      <c r="C32" s="253" t="s">
        <v>156</v>
      </c>
      <c r="D32" s="256" t="s">
        <v>168</v>
      </c>
      <c r="E32" s="257"/>
      <c r="F32" s="251" t="s">
        <v>169</v>
      </c>
      <c r="G32" s="251"/>
      <c r="H32" s="251"/>
      <c r="I32" s="251"/>
      <c r="J32" s="251"/>
      <c r="K32" s="251"/>
      <c r="L32" s="251"/>
      <c r="M32" s="251"/>
      <c r="N32" s="251"/>
      <c r="O32" s="251"/>
      <c r="P32" s="251"/>
      <c r="Q32" s="251"/>
      <c r="R32" s="251"/>
      <c r="S32" s="252"/>
      <c r="T32" s="30"/>
      <c r="U32" s="3"/>
      <c r="V32" s="12" t="s">
        <v>0</v>
      </c>
      <c r="W32" s="12" t="s">
        <v>100</v>
      </c>
      <c r="X32" s="12" t="s">
        <v>0</v>
      </c>
      <c r="Y32" s="2"/>
    </row>
    <row r="33" spans="2:28" ht="23.25" customHeight="1" x14ac:dyDescent="0.15">
      <c r="B33" s="3"/>
      <c r="C33" s="254"/>
      <c r="D33" s="258"/>
      <c r="E33" s="259"/>
      <c r="F33" s="251" t="s">
        <v>170</v>
      </c>
      <c r="G33" s="251"/>
      <c r="H33" s="251"/>
      <c r="I33" s="251"/>
      <c r="J33" s="251"/>
      <c r="K33" s="251"/>
      <c r="L33" s="251"/>
      <c r="M33" s="251"/>
      <c r="N33" s="251"/>
      <c r="O33" s="251"/>
      <c r="P33" s="251"/>
      <c r="Q33" s="251"/>
      <c r="R33" s="251"/>
      <c r="S33" s="252"/>
      <c r="T33" s="30"/>
      <c r="U33" s="3"/>
      <c r="V33" s="12"/>
      <c r="W33" s="12"/>
      <c r="X33" s="12"/>
      <c r="Y33" s="2"/>
    </row>
    <row r="34" spans="2:28" ht="22.5" customHeight="1" x14ac:dyDescent="0.15">
      <c r="B34" s="3"/>
      <c r="C34" s="254"/>
      <c r="D34" s="258"/>
      <c r="E34" s="259"/>
      <c r="F34" s="251" t="s">
        <v>159</v>
      </c>
      <c r="G34" s="251"/>
      <c r="H34" s="251"/>
      <c r="I34" s="251"/>
      <c r="J34" s="251"/>
      <c r="K34" s="251"/>
      <c r="L34" s="251"/>
      <c r="M34" s="251"/>
      <c r="N34" s="251"/>
      <c r="O34" s="251"/>
      <c r="P34" s="251"/>
      <c r="Q34" s="251"/>
      <c r="R34" s="251"/>
      <c r="S34" s="252"/>
      <c r="T34" s="30"/>
      <c r="U34" s="3"/>
      <c r="V34" s="12"/>
      <c r="W34" s="12"/>
      <c r="X34" s="12"/>
      <c r="Y34" s="2"/>
    </row>
    <row r="35" spans="2:28" ht="24.75" customHeight="1" x14ac:dyDescent="0.15">
      <c r="B35" s="3"/>
      <c r="C35" s="255"/>
      <c r="D35" s="260"/>
      <c r="E35" s="261"/>
      <c r="F35" s="251" t="s">
        <v>171</v>
      </c>
      <c r="G35" s="251"/>
      <c r="H35" s="251"/>
      <c r="I35" s="251"/>
      <c r="J35" s="251"/>
      <c r="K35" s="251"/>
      <c r="L35" s="251"/>
      <c r="M35" s="251"/>
      <c r="N35" s="251"/>
      <c r="O35" s="251"/>
      <c r="P35" s="251"/>
      <c r="Q35" s="251"/>
      <c r="R35" s="251"/>
      <c r="S35" s="252"/>
      <c r="T35" s="30"/>
      <c r="U35" s="3"/>
      <c r="V35" s="12"/>
      <c r="W35" s="12"/>
      <c r="X35" s="12"/>
      <c r="Y35" s="2"/>
    </row>
    <row r="36" spans="2:28" ht="5.25" customHeight="1" x14ac:dyDescent="0.15">
      <c r="B36" s="3"/>
      <c r="C36" s="133"/>
      <c r="D36" s="12"/>
      <c r="E36" s="132"/>
      <c r="G36" s="132"/>
      <c r="H36" s="132"/>
      <c r="I36" s="132"/>
      <c r="J36" s="132"/>
      <c r="K36" s="132"/>
      <c r="L36" s="132"/>
      <c r="M36" s="132"/>
      <c r="N36" s="132"/>
      <c r="O36" s="132"/>
      <c r="P36" s="132"/>
      <c r="Q36" s="132"/>
      <c r="R36" s="132"/>
      <c r="S36" s="132"/>
      <c r="T36" s="30"/>
      <c r="U36" s="3"/>
      <c r="V36" s="4"/>
      <c r="W36" s="4"/>
      <c r="X36" s="4"/>
      <c r="Y36" s="2"/>
    </row>
    <row r="37" spans="2:28" x14ac:dyDescent="0.15">
      <c r="B37" s="3"/>
      <c r="C37" s="29" t="s">
        <v>172</v>
      </c>
      <c r="T37" s="30"/>
      <c r="U37" s="3"/>
      <c r="Y37" s="30"/>
      <c r="Z37"/>
      <c r="AA37"/>
      <c r="AB37"/>
    </row>
    <row r="38" spans="2:28" ht="5.25" customHeight="1" x14ac:dyDescent="0.15">
      <c r="B38" s="3"/>
      <c r="C38" s="6"/>
      <c r="D38" s="6"/>
      <c r="E38" s="6"/>
      <c r="F38" s="6"/>
      <c r="G38" s="6"/>
      <c r="H38" s="6"/>
      <c r="I38" s="6"/>
      <c r="J38" s="6"/>
      <c r="K38" s="6"/>
      <c r="L38" s="6"/>
      <c r="M38" s="6"/>
      <c r="N38" s="6"/>
      <c r="O38" s="6"/>
      <c r="P38" s="6"/>
      <c r="Q38" s="6"/>
      <c r="R38" s="6"/>
      <c r="S38" s="6"/>
      <c r="T38" s="30"/>
      <c r="U38" s="3"/>
      <c r="Y38" s="30"/>
      <c r="Z38"/>
      <c r="AA38"/>
      <c r="AB38"/>
    </row>
    <row r="39" spans="2:28" ht="37.5" customHeight="1" x14ac:dyDescent="0.15">
      <c r="B39" s="3"/>
      <c r="C39" s="134" t="s">
        <v>173</v>
      </c>
      <c r="D39" s="262" t="s">
        <v>174</v>
      </c>
      <c r="E39" s="262"/>
      <c r="F39" s="262"/>
      <c r="G39" s="262"/>
      <c r="H39" s="262"/>
      <c r="I39" s="262"/>
      <c r="J39" s="262"/>
      <c r="K39" s="262"/>
      <c r="L39" s="262"/>
      <c r="M39" s="262"/>
      <c r="N39" s="262"/>
      <c r="O39" s="262"/>
      <c r="P39" s="262"/>
      <c r="Q39" s="262"/>
      <c r="R39" s="262"/>
      <c r="S39" s="263"/>
      <c r="T39" s="30"/>
      <c r="U39" s="3"/>
      <c r="V39" s="12" t="s">
        <v>0</v>
      </c>
      <c r="W39" s="12" t="s">
        <v>100</v>
      </c>
      <c r="X39" s="12" t="s">
        <v>0</v>
      </c>
      <c r="Y39" s="2"/>
    </row>
    <row r="40" spans="2:28" ht="37.5" customHeight="1" x14ac:dyDescent="0.15">
      <c r="B40" s="3"/>
      <c r="C40" s="131" t="s">
        <v>150</v>
      </c>
      <c r="D40" s="251" t="s">
        <v>175</v>
      </c>
      <c r="E40" s="251"/>
      <c r="F40" s="251"/>
      <c r="G40" s="251"/>
      <c r="H40" s="251"/>
      <c r="I40" s="251"/>
      <c r="J40" s="251"/>
      <c r="K40" s="251"/>
      <c r="L40" s="251"/>
      <c r="M40" s="251"/>
      <c r="N40" s="251"/>
      <c r="O40" s="251"/>
      <c r="P40" s="251"/>
      <c r="Q40" s="251"/>
      <c r="R40" s="251"/>
      <c r="S40" s="252"/>
      <c r="T40" s="30"/>
      <c r="U40" s="3"/>
      <c r="V40" s="12" t="s">
        <v>0</v>
      </c>
      <c r="W40" s="12" t="s">
        <v>22</v>
      </c>
      <c r="X40" s="12" t="s">
        <v>0</v>
      </c>
      <c r="Y40" s="2"/>
    </row>
    <row r="41" spans="2:28" ht="29.25" customHeight="1" x14ac:dyDescent="0.15">
      <c r="B41" s="3"/>
      <c r="C41" s="131" t="s">
        <v>152</v>
      </c>
      <c r="D41" s="251" t="s">
        <v>165</v>
      </c>
      <c r="E41" s="251"/>
      <c r="F41" s="251"/>
      <c r="G41" s="251"/>
      <c r="H41" s="251"/>
      <c r="I41" s="251"/>
      <c r="J41" s="251"/>
      <c r="K41" s="251"/>
      <c r="L41" s="251"/>
      <c r="M41" s="251"/>
      <c r="N41" s="251"/>
      <c r="O41" s="251"/>
      <c r="P41" s="251"/>
      <c r="Q41" s="251"/>
      <c r="R41" s="251"/>
      <c r="S41" s="252"/>
      <c r="T41" s="30"/>
      <c r="U41" s="3"/>
      <c r="V41" s="12" t="s">
        <v>0</v>
      </c>
      <c r="W41" s="12" t="s">
        <v>100</v>
      </c>
      <c r="X41" s="12" t="s">
        <v>0</v>
      </c>
      <c r="Y41" s="2"/>
    </row>
    <row r="42" spans="2:28" ht="18" customHeight="1" x14ac:dyDescent="0.15">
      <c r="B42" s="3"/>
      <c r="C42" s="131" t="s">
        <v>154</v>
      </c>
      <c r="D42" s="247" t="s">
        <v>176</v>
      </c>
      <c r="E42" s="247"/>
      <c r="F42" s="247"/>
      <c r="G42" s="247"/>
      <c r="H42" s="247"/>
      <c r="I42" s="247"/>
      <c r="J42" s="247"/>
      <c r="K42" s="247"/>
      <c r="L42" s="247"/>
      <c r="M42" s="247"/>
      <c r="N42" s="247"/>
      <c r="O42" s="247"/>
      <c r="P42" s="247"/>
      <c r="Q42" s="247"/>
      <c r="R42" s="247"/>
      <c r="S42" s="248"/>
      <c r="T42" s="30"/>
      <c r="U42" s="3"/>
      <c r="V42" s="12" t="s">
        <v>0</v>
      </c>
      <c r="W42" s="12" t="s">
        <v>100</v>
      </c>
      <c r="X42" s="12" t="s">
        <v>0</v>
      </c>
      <c r="Y42" s="2"/>
    </row>
    <row r="43" spans="2:28" ht="27.75" customHeight="1" x14ac:dyDescent="0.15">
      <c r="B43" s="3"/>
      <c r="C43" s="131" t="s">
        <v>156</v>
      </c>
      <c r="D43" s="251" t="s">
        <v>167</v>
      </c>
      <c r="E43" s="251"/>
      <c r="F43" s="251"/>
      <c r="G43" s="251"/>
      <c r="H43" s="251"/>
      <c r="I43" s="251"/>
      <c r="J43" s="251"/>
      <c r="K43" s="251"/>
      <c r="L43" s="251"/>
      <c r="M43" s="251"/>
      <c r="N43" s="251"/>
      <c r="O43" s="251"/>
      <c r="P43" s="251"/>
      <c r="Q43" s="251"/>
      <c r="R43" s="251"/>
      <c r="S43" s="252"/>
      <c r="T43" s="30"/>
      <c r="U43" s="3"/>
      <c r="V43" s="12" t="s">
        <v>0</v>
      </c>
      <c r="W43" s="12" t="s">
        <v>100</v>
      </c>
      <c r="X43" s="12" t="s">
        <v>0</v>
      </c>
      <c r="Y43" s="2"/>
    </row>
    <row r="44" spans="2:28" ht="24" customHeight="1" x14ac:dyDescent="0.15">
      <c r="B44" s="3"/>
      <c r="C44" s="253" t="s">
        <v>177</v>
      </c>
      <c r="D44" s="256" t="s">
        <v>168</v>
      </c>
      <c r="E44" s="257"/>
      <c r="F44" s="251" t="s">
        <v>169</v>
      </c>
      <c r="G44" s="251"/>
      <c r="H44" s="251"/>
      <c r="I44" s="251"/>
      <c r="J44" s="251"/>
      <c r="K44" s="251"/>
      <c r="L44" s="251"/>
      <c r="M44" s="251"/>
      <c r="N44" s="251"/>
      <c r="O44" s="251"/>
      <c r="P44" s="251"/>
      <c r="Q44" s="251"/>
      <c r="R44" s="251"/>
      <c r="S44" s="252"/>
      <c r="T44" s="30"/>
      <c r="U44" s="3"/>
      <c r="V44" s="12" t="s">
        <v>0</v>
      </c>
      <c r="W44" s="12" t="s">
        <v>100</v>
      </c>
      <c r="X44" s="12" t="s">
        <v>0</v>
      </c>
      <c r="Y44" s="2"/>
    </row>
    <row r="45" spans="2:28" ht="26.25" customHeight="1" x14ac:dyDescent="0.15">
      <c r="B45" s="3"/>
      <c r="C45" s="254"/>
      <c r="D45" s="258"/>
      <c r="E45" s="259"/>
      <c r="F45" s="251" t="s">
        <v>170</v>
      </c>
      <c r="G45" s="251"/>
      <c r="H45" s="251"/>
      <c r="I45" s="251"/>
      <c r="J45" s="251"/>
      <c r="K45" s="251"/>
      <c r="L45" s="251"/>
      <c r="M45" s="251"/>
      <c r="N45" s="251"/>
      <c r="O45" s="251"/>
      <c r="P45" s="251"/>
      <c r="Q45" s="251"/>
      <c r="R45" s="251"/>
      <c r="S45" s="252"/>
      <c r="T45" s="30"/>
      <c r="U45" s="3"/>
      <c r="V45" s="12"/>
      <c r="W45" s="12"/>
      <c r="X45" s="12"/>
      <c r="Y45" s="2"/>
    </row>
    <row r="46" spans="2:28" ht="18.75" customHeight="1" x14ac:dyDescent="0.15">
      <c r="B46" s="3"/>
      <c r="C46" s="254"/>
      <c r="D46" s="258"/>
      <c r="E46" s="259"/>
      <c r="F46" s="251" t="s">
        <v>178</v>
      </c>
      <c r="G46" s="251"/>
      <c r="H46" s="251"/>
      <c r="I46" s="251"/>
      <c r="J46" s="251"/>
      <c r="K46" s="251"/>
      <c r="L46" s="251"/>
      <c r="M46" s="251"/>
      <c r="N46" s="251"/>
      <c r="O46" s="251"/>
      <c r="P46" s="251"/>
      <c r="Q46" s="251"/>
      <c r="R46" s="251"/>
      <c r="S46" s="252"/>
      <c r="T46" s="30"/>
      <c r="U46" s="3"/>
      <c r="V46" s="12"/>
      <c r="W46" s="12"/>
      <c r="X46" s="12"/>
      <c r="Y46" s="2"/>
    </row>
    <row r="47" spans="2:28" ht="25.5" customHeight="1" x14ac:dyDescent="0.15">
      <c r="B47" s="3"/>
      <c r="C47" s="255"/>
      <c r="D47" s="260"/>
      <c r="E47" s="261"/>
      <c r="F47" s="251" t="s">
        <v>171</v>
      </c>
      <c r="G47" s="251"/>
      <c r="H47" s="251"/>
      <c r="I47" s="251"/>
      <c r="J47" s="251"/>
      <c r="K47" s="251"/>
      <c r="L47" s="251"/>
      <c r="M47" s="251"/>
      <c r="N47" s="251"/>
      <c r="O47" s="251"/>
      <c r="P47" s="251"/>
      <c r="Q47" s="251"/>
      <c r="R47" s="251"/>
      <c r="S47" s="252"/>
      <c r="T47" s="30"/>
      <c r="U47" s="3"/>
      <c r="V47" s="12"/>
      <c r="W47" s="12"/>
      <c r="X47" s="12"/>
      <c r="Y47" s="2"/>
    </row>
    <row r="48" spans="2:28" x14ac:dyDescent="0.15">
      <c r="B48" s="1"/>
      <c r="C48" s="6"/>
      <c r="D48" s="6"/>
      <c r="E48" s="6"/>
      <c r="F48" s="6"/>
      <c r="G48" s="6"/>
      <c r="H48" s="6"/>
      <c r="I48" s="6"/>
      <c r="J48" s="6"/>
      <c r="K48" s="6"/>
      <c r="L48" s="6"/>
      <c r="M48" s="6"/>
      <c r="N48" s="6"/>
      <c r="O48" s="6"/>
      <c r="P48" s="6"/>
      <c r="Q48" s="6"/>
      <c r="R48" s="6"/>
      <c r="S48" s="6"/>
      <c r="T48" s="5"/>
      <c r="U48" s="1"/>
      <c r="V48" s="6"/>
      <c r="W48" s="6"/>
      <c r="X48" s="6"/>
      <c r="Y48" s="5"/>
    </row>
    <row r="49" spans="2:28" ht="4.5" customHeight="1" x14ac:dyDescent="0.15">
      <c r="Z49"/>
      <c r="AA49"/>
      <c r="AB49"/>
    </row>
    <row r="50" spans="2:28" x14ac:dyDescent="0.15">
      <c r="B50" s="29" t="s">
        <v>179</v>
      </c>
      <c r="Z50"/>
      <c r="AA50"/>
      <c r="AB50"/>
    </row>
    <row r="51" spans="2:28" ht="24" customHeight="1" x14ac:dyDescent="0.15">
      <c r="B51" s="25"/>
      <c r="C51" s="264" t="s">
        <v>180</v>
      </c>
      <c r="D51" s="264"/>
      <c r="E51" s="264"/>
      <c r="F51" s="264"/>
      <c r="G51" s="264"/>
      <c r="H51" s="264"/>
      <c r="I51" s="264"/>
      <c r="J51" s="264"/>
      <c r="K51" s="264"/>
      <c r="L51" s="264"/>
      <c r="M51" s="264"/>
      <c r="N51" s="264"/>
      <c r="O51" s="264"/>
      <c r="P51" s="264"/>
      <c r="Q51" s="264"/>
      <c r="R51" s="264"/>
      <c r="S51" s="264"/>
      <c r="T51" s="27"/>
      <c r="U51" s="26"/>
      <c r="V51" s="130" t="s">
        <v>20</v>
      </c>
      <c r="W51" s="130" t="s">
        <v>99</v>
      </c>
      <c r="X51" s="130" t="s">
        <v>21</v>
      </c>
      <c r="Y51" s="27"/>
      <c r="Z51"/>
      <c r="AA51"/>
      <c r="AB51"/>
    </row>
    <row r="52" spans="2:28" ht="5.25" customHeight="1" x14ac:dyDescent="0.15">
      <c r="B52" s="3"/>
      <c r="C52" s="135"/>
      <c r="D52" s="135"/>
      <c r="E52" s="135"/>
      <c r="F52" s="135"/>
      <c r="G52" s="135"/>
      <c r="H52" s="135"/>
      <c r="I52" s="135"/>
      <c r="J52" s="135"/>
      <c r="K52" s="135"/>
      <c r="L52" s="135"/>
      <c r="M52" s="135"/>
      <c r="N52" s="135"/>
      <c r="O52" s="135"/>
      <c r="P52" s="135"/>
      <c r="Q52" s="135"/>
      <c r="R52" s="135"/>
      <c r="S52" s="135"/>
      <c r="T52" s="30"/>
      <c r="V52" s="28"/>
      <c r="W52" s="28"/>
      <c r="X52" s="28"/>
      <c r="Y52" s="30"/>
      <c r="Z52"/>
      <c r="AA52"/>
      <c r="AB52"/>
    </row>
    <row r="53" spans="2:28" ht="21" customHeight="1" x14ac:dyDescent="0.15">
      <c r="B53" s="3"/>
      <c r="C53" s="131" t="s">
        <v>181</v>
      </c>
      <c r="D53" s="251" t="s">
        <v>182</v>
      </c>
      <c r="E53" s="251"/>
      <c r="F53" s="251"/>
      <c r="G53" s="251"/>
      <c r="H53" s="251"/>
      <c r="I53" s="251"/>
      <c r="J53" s="251"/>
      <c r="K53" s="251"/>
      <c r="L53" s="251"/>
      <c r="M53" s="251"/>
      <c r="N53" s="251"/>
      <c r="O53" s="251"/>
      <c r="P53" s="251"/>
      <c r="Q53" s="251"/>
      <c r="R53" s="251"/>
      <c r="S53" s="252"/>
      <c r="T53" s="30"/>
      <c r="V53" s="12" t="s">
        <v>0</v>
      </c>
      <c r="W53" s="12" t="s">
        <v>100</v>
      </c>
      <c r="X53" s="12" t="s">
        <v>0</v>
      </c>
      <c r="Y53" s="30"/>
      <c r="Z53"/>
      <c r="AA53"/>
      <c r="AB53"/>
    </row>
    <row r="54" spans="2:28" ht="5.25" customHeight="1" x14ac:dyDescent="0.15">
      <c r="B54" s="3"/>
      <c r="D54" s="136"/>
      <c r="T54" s="30"/>
      <c r="V54" s="12"/>
      <c r="W54" s="12"/>
      <c r="X54" s="12"/>
      <c r="Y54" s="30"/>
      <c r="Z54"/>
      <c r="AA54"/>
      <c r="AB54"/>
    </row>
    <row r="55" spans="2:28" ht="24.75" customHeight="1" x14ac:dyDescent="0.15">
      <c r="B55" s="3"/>
      <c r="C55" s="265" t="s">
        <v>183</v>
      </c>
      <c r="D55" s="265"/>
      <c r="E55" s="265"/>
      <c r="F55" s="265"/>
      <c r="G55" s="265"/>
      <c r="H55" s="265"/>
      <c r="I55" s="265"/>
      <c r="J55" s="265"/>
      <c r="K55" s="265"/>
      <c r="L55" s="265"/>
      <c r="M55" s="265"/>
      <c r="N55" s="265"/>
      <c r="O55" s="265"/>
      <c r="P55" s="265"/>
      <c r="Q55" s="265"/>
      <c r="R55" s="265"/>
      <c r="S55" s="265"/>
      <c r="T55" s="30"/>
      <c r="V55" s="34"/>
      <c r="W55" s="12"/>
      <c r="X55" s="34"/>
      <c r="Y55" s="2"/>
    </row>
    <row r="56" spans="2:28" ht="6" customHeight="1" x14ac:dyDescent="0.15">
      <c r="B56" s="3"/>
      <c r="C56" s="135"/>
      <c r="D56" s="135"/>
      <c r="E56" s="135"/>
      <c r="F56" s="135"/>
      <c r="G56" s="135"/>
      <c r="H56" s="135"/>
      <c r="I56" s="135"/>
      <c r="J56" s="135"/>
      <c r="K56" s="135"/>
      <c r="L56" s="135"/>
      <c r="M56" s="135"/>
      <c r="N56" s="135"/>
      <c r="O56" s="135"/>
      <c r="P56" s="135"/>
      <c r="Q56" s="135"/>
      <c r="R56" s="135"/>
      <c r="S56" s="135"/>
      <c r="T56" s="30"/>
      <c r="V56" s="34"/>
      <c r="W56" s="12"/>
      <c r="X56" s="34"/>
      <c r="Y56" s="2"/>
    </row>
    <row r="57" spans="2:28" ht="22.5" customHeight="1" x14ac:dyDescent="0.15">
      <c r="B57" s="3"/>
      <c r="C57" s="131" t="s">
        <v>181</v>
      </c>
      <c r="D57" s="251" t="s">
        <v>184</v>
      </c>
      <c r="E57" s="251"/>
      <c r="F57" s="251"/>
      <c r="G57" s="251"/>
      <c r="H57" s="251"/>
      <c r="I57" s="251"/>
      <c r="J57" s="251"/>
      <c r="K57" s="251"/>
      <c r="L57" s="251"/>
      <c r="M57" s="251"/>
      <c r="N57" s="251"/>
      <c r="O57" s="251"/>
      <c r="P57" s="251"/>
      <c r="Q57" s="251"/>
      <c r="R57" s="251"/>
      <c r="S57" s="252"/>
      <c r="T57" s="30"/>
      <c r="V57" s="12" t="s">
        <v>0</v>
      </c>
      <c r="W57" s="12" t="s">
        <v>100</v>
      </c>
      <c r="X57" s="12" t="s">
        <v>0</v>
      </c>
      <c r="Y57" s="2"/>
    </row>
    <row r="58" spans="2:28" ht="5.25" customHeight="1" x14ac:dyDescent="0.15">
      <c r="B58" s="1"/>
      <c r="C58" s="6"/>
      <c r="D58" s="6"/>
      <c r="E58" s="6"/>
      <c r="F58" s="6"/>
      <c r="G58" s="6"/>
      <c r="H58" s="6"/>
      <c r="I58" s="6"/>
      <c r="J58" s="6"/>
      <c r="K58" s="6"/>
      <c r="L58" s="6"/>
      <c r="M58" s="6"/>
      <c r="N58" s="6"/>
      <c r="O58" s="6"/>
      <c r="P58" s="6"/>
      <c r="Q58" s="6"/>
      <c r="R58" s="6"/>
      <c r="S58" s="6"/>
      <c r="T58" s="5"/>
      <c r="U58" s="6"/>
      <c r="V58" s="6"/>
      <c r="W58" s="6"/>
      <c r="X58" s="6"/>
      <c r="Y58" s="5"/>
    </row>
    <row r="59" spans="2:28" x14ac:dyDescent="0.15">
      <c r="B59" s="29" t="s">
        <v>185</v>
      </c>
    </row>
    <row r="60" spans="2:28" x14ac:dyDescent="0.15">
      <c r="B60" s="29" t="s">
        <v>23</v>
      </c>
      <c r="K60"/>
      <c r="L60"/>
      <c r="M60"/>
      <c r="N60"/>
      <c r="O60"/>
      <c r="P60"/>
      <c r="Q60"/>
      <c r="R60"/>
      <c r="S60"/>
      <c r="T60"/>
      <c r="U60"/>
      <c r="V60"/>
      <c r="W60"/>
      <c r="X60"/>
      <c r="Y60"/>
      <c r="Z60"/>
      <c r="AA60"/>
      <c r="AB60"/>
    </row>
    <row r="122" spans="3:7" x14ac:dyDescent="0.15">
      <c r="C122" s="6"/>
      <c r="D122" s="6"/>
      <c r="E122" s="6"/>
      <c r="F122" s="6"/>
      <c r="G122" s="6"/>
    </row>
    <row r="123" spans="3:7" x14ac:dyDescent="0.15">
      <c r="C123" s="26"/>
    </row>
  </sheetData>
  <mergeCells count="46">
    <mergeCell ref="F47:S47"/>
    <mergeCell ref="C51:S51"/>
    <mergeCell ref="D53:S53"/>
    <mergeCell ref="C55:S55"/>
    <mergeCell ref="D57:S57"/>
    <mergeCell ref="C44:C47"/>
    <mergeCell ref="D44:E47"/>
    <mergeCell ref="F44:S44"/>
    <mergeCell ref="F45:S45"/>
    <mergeCell ref="F46:S46"/>
    <mergeCell ref="D39:S39"/>
    <mergeCell ref="D40:S40"/>
    <mergeCell ref="D41:S41"/>
    <mergeCell ref="D42:S42"/>
    <mergeCell ref="D43:S43"/>
    <mergeCell ref="D28:S28"/>
    <mergeCell ref="D29:S29"/>
    <mergeCell ref="D30:S30"/>
    <mergeCell ref="D31:S31"/>
    <mergeCell ref="C32:C35"/>
    <mergeCell ref="D32:E35"/>
    <mergeCell ref="F32:S32"/>
    <mergeCell ref="F33:S33"/>
    <mergeCell ref="F34:S34"/>
    <mergeCell ref="F35:S35"/>
    <mergeCell ref="D20:S20"/>
    <mergeCell ref="C21:C24"/>
    <mergeCell ref="D21:E24"/>
    <mergeCell ref="F21:S21"/>
    <mergeCell ref="F22:S22"/>
    <mergeCell ref="F23:S23"/>
    <mergeCell ref="F24:S24"/>
    <mergeCell ref="D19:S19"/>
    <mergeCell ref="B4:Y4"/>
    <mergeCell ref="B6:F6"/>
    <mergeCell ref="G6:Y6"/>
    <mergeCell ref="B7:F7"/>
    <mergeCell ref="B8:F10"/>
    <mergeCell ref="H8:Y8"/>
    <mergeCell ref="H9:Y9"/>
    <mergeCell ref="H10:Y10"/>
    <mergeCell ref="B11:F12"/>
    <mergeCell ref="H11:Y11"/>
    <mergeCell ref="H12:Y12"/>
    <mergeCell ref="D17:S17"/>
    <mergeCell ref="D18:S18"/>
  </mergeCells>
  <phoneticPr fontId="3"/>
  <dataValidations count="1">
    <dataValidation type="list" allowBlank="1" showInputMessage="1" showErrorMessage="1" sqref="L7 Q7 G7:G12 X57 V57 X17:X24 X28:X35 V17:V24 V28:V35 V39:V47 X39:X47 V53:V54 X53:X54">
      <formula1>"□,■"</formula1>
    </dataValidation>
  </dataValidations>
  <pageMargins left="0.7" right="0.7" top="0.75" bottom="0.75" header="0.3" footer="0.3"/>
  <pageSetup paperSize="9" scale="7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8</vt:i4>
      </vt:variant>
      <vt:variant>
        <vt:lpstr>名前付き一覧</vt:lpstr>
      </vt:variant>
      <vt:variant>
        <vt:i4>8</vt:i4>
      </vt:variant>
    </vt:vector>
  </HeadingPairs>
  <TitlesOfParts>
    <vt:vector size="16" baseType="lpstr">
      <vt:lpstr>添付書類一覧（定期巡回・随時対応型訪問介護看護）</vt:lpstr>
      <vt:lpstr>別紙5-2</vt:lpstr>
      <vt:lpstr>別紙７-a</vt:lpstr>
      <vt:lpstr>別紙11</vt:lpstr>
      <vt:lpstr>別紙12</vt:lpstr>
      <vt:lpstr>別紙14</vt:lpstr>
      <vt:lpstr>別紙16</vt:lpstr>
      <vt:lpstr>別紙42</vt:lpstr>
      <vt:lpstr>別紙11!Print_Area</vt:lpstr>
      <vt:lpstr>別紙12!Print_Area</vt:lpstr>
      <vt:lpstr>別紙14!Print_Area</vt:lpstr>
      <vt:lpstr>別紙16!Print_Area</vt:lpstr>
      <vt:lpstr>別紙42!Print_Area</vt:lpstr>
      <vt:lpstr>'別紙5-2'!Print_Area</vt:lpstr>
      <vt:lpstr>'別紙７-a'!Print_Area</vt:lpstr>
      <vt:lpstr>'添付書類一覧（定期巡回・随時対応型訪問介護看護）'!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8T11:45:45Z</dcterms:created>
  <dcterms:modified xsi:type="dcterms:W3CDTF">2024-03-23T04:16:38Z</dcterms:modified>
</cp:coreProperties>
</file>